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EF41EE" w:rsidRDefault="00EF41EE" w:rsidP="00EF41EE">
      <w:pPr>
        <w:widowControl/>
        <w:jc w:val="left"/>
      </w:pPr>
      <w:bookmarkStart w:id="0" w:name="_GoBack"/>
      <w:bookmarkEnd w:id="0"/>
    </w:p>
    <w:p w:rsidR="00EF41EE" w:rsidRDefault="00EF41EE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700224" behindDoc="0" locked="0" layoutInCell="1" allowOverlap="1" wp14:anchorId="34DA97DD" wp14:editId="4100C470">
                <wp:simplePos x="0" y="0"/>
                <wp:positionH relativeFrom="column">
                  <wp:posOffset>4581830</wp:posOffset>
                </wp:positionH>
                <wp:positionV relativeFrom="paragraph">
                  <wp:posOffset>-580161</wp:posOffset>
                </wp:positionV>
                <wp:extent cx="1596060" cy="2091944"/>
                <wp:effectExtent l="0" t="0" r="0" b="3810"/>
                <wp:wrapNone/>
                <wp:docPr id="50" name="正方形/長方形 5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96060" cy="209194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jc w:val="center"/>
                            </w:pPr>
                            <w:r w:rsidRPr="00F33DF3">
                              <w:rPr>
                                <w:rFonts w:hint="eastAsia"/>
                                <w:noProof/>
                              </w:rPr>
                              <w:drawing>
                                <wp:inline distT="0" distB="0" distL="0" distR="0" wp14:anchorId="1B0ED4D1" wp14:editId="230720A2">
                                  <wp:extent cx="1179489" cy="1637649"/>
                                  <wp:effectExtent l="0" t="0" r="1905" b="1270"/>
                                  <wp:docPr id="27" name="図 27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8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1190255" cy="1652597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4DA97DD" id="正方形/長方形 50" o:spid="_x0000_s1026" style="position:absolute;left:0;text-align:left;margin-left:360.75pt;margin-top:-45.7pt;width:125.65pt;height:164.7pt;z-index:2517002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" filled="f" stroked="f" strokeweight="1pt">
                <v:textbox>
                  <w:txbxContent>
                    <w:p w:rsidR="00EF41EE" w:rsidRDefault="00EF41EE" w:rsidP="00EF41EE">
                      <w:pPr>
                        <w:jc w:val="center"/>
                      </w:pPr>
                      <w:r w:rsidRPr="00F33DF3">
                        <w:rPr>
                          <w:rFonts w:hint="eastAsia"/>
                          <w:noProof/>
                        </w:rPr>
                        <w:drawing>
                          <wp:inline distT="0" distB="0" distL="0" distR="0" wp14:anchorId="1B0ED4D1" wp14:editId="230720A2">
                            <wp:extent cx="1179489" cy="1637649"/>
                            <wp:effectExtent l="0" t="0" r="1905" b="1270"/>
                            <wp:docPr id="27" name="図 27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8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1190255" cy="1652597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rect>
            </w:pict>
          </mc:Fallback>
        </mc:AlternateContent>
      </w:r>
      <w:r w:rsidR="006B1AAD">
        <w:rPr>
          <w:noProof/>
        </w:rPr>
        <mc:AlternateContent>
          <mc:Choice Requires="wps">
            <w:drawing>
              <wp:anchor distT="0" distB="0" distL="114300" distR="114300" simplePos="0" relativeHeight="251687936" behindDoc="0" locked="0" layoutInCell="1" allowOverlap="1" wp14:anchorId="557CDDA5" wp14:editId="324FDE6E">
                <wp:simplePos x="0" y="0"/>
                <wp:positionH relativeFrom="column">
                  <wp:posOffset>3568065</wp:posOffset>
                </wp:positionH>
                <wp:positionV relativeFrom="paragraph">
                  <wp:posOffset>-708025</wp:posOffset>
                </wp:positionV>
                <wp:extent cx="1038225" cy="619125"/>
                <wp:effectExtent l="0" t="0" r="0" b="0"/>
                <wp:wrapNone/>
                <wp:docPr id="51" name="フローチャート: 処理 5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38225" cy="619125"/>
                        </a:xfrm>
                        <a:prstGeom prst="flowChartProcess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Pr="00706E9A" w:rsidRDefault="00EF41EE" w:rsidP="00EF41EE">
                            <w:pPr>
                              <w:rPr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6B1AAD">
                              <w:rPr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V</w:t>
                            </w:r>
                            <w:r w:rsidRPr="006B1AAD">
                              <w:rPr>
                                <w:rFonts w:hint="eastAsia"/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o</w:t>
                            </w:r>
                            <w:r w:rsidRPr="00706E9A">
                              <w:rPr>
                                <w:rFonts w:hint="eastAsia"/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l.</w:t>
                            </w:r>
                            <w:r w:rsidRPr="00706E9A">
                              <w:rPr>
                                <w:color w:val="FFFFFF" w:themeColor="background1"/>
                                <w:sz w:val="44"/>
                                <w:szCs w:val="44"/>
                                <w14:textOutline w14:w="9525" w14:cap="rnd" w14:cmpd="sng" w14:algn="ctr">
                                  <w14:solidFill>
                                    <w14:schemeClr w14:val="bg1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  <w:t>94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57CDDA5" id="_x0000_t109" coordsize="21600,21600" o:spt="109" path="m,l,21600r21600,l21600,xe">
                <v:stroke joinstyle="miter"/>
                <v:path gradientshapeok="t" o:connecttype="rect"/>
              </v:shapetype>
              <v:shape id="フローチャート: 処理 51" o:spid="_x0000_s1027" type="#_x0000_t109" style="position:absolute;left:0;text-align:left;margin-left:280.95pt;margin-top:-55.75pt;width:81.75pt;height:48.75pt;z-index:2516879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" filled="f" stroked="f" strokeweight="1pt">
                <v:textbox>
                  <w:txbxContent>
                    <w:p w:rsidR="00EF41EE" w:rsidRPr="00706E9A" w:rsidRDefault="00EF41EE" w:rsidP="00EF41EE">
                      <w:pPr>
                        <w:rPr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6B1AAD">
                        <w:rPr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  <w:t>V</w:t>
                      </w:r>
                      <w:r w:rsidRPr="006B1AAD">
                        <w:rPr>
                          <w:rFonts w:hint="eastAsia"/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  <w:t>o</w:t>
                      </w:r>
                      <w:r w:rsidRPr="00706E9A">
                        <w:rPr>
                          <w:rFonts w:hint="eastAsia"/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  <w:t>l.</w:t>
                      </w:r>
                      <w:r w:rsidRPr="00706E9A">
                        <w:rPr>
                          <w:color w:val="FFFFFF" w:themeColor="background1"/>
                          <w:sz w:val="44"/>
                          <w:szCs w:val="44"/>
                          <w14:textOutline w14:w="9525" w14:cap="rnd" w14:cmpd="sng" w14:algn="ctr">
                            <w14:solidFill>
                              <w14:schemeClr w14:val="bg1"/>
                            </w14:solidFill>
                            <w14:prstDash w14:val="solid"/>
                            <w14:bevel/>
                          </w14:textOutline>
                        </w:rPr>
                        <w:t>94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85888" behindDoc="0" locked="0" layoutInCell="1" allowOverlap="1" wp14:anchorId="3D14F37C" wp14:editId="67CDA77F">
                <wp:simplePos x="0" y="0"/>
                <wp:positionH relativeFrom="column">
                  <wp:posOffset>3543300</wp:posOffset>
                </wp:positionH>
                <wp:positionV relativeFrom="paragraph">
                  <wp:posOffset>-890905</wp:posOffset>
                </wp:positionV>
                <wp:extent cx="1007745" cy="1007745"/>
                <wp:effectExtent l="0" t="0" r="20955" b="20955"/>
                <wp:wrapNone/>
                <wp:docPr id="52" name="円/楕円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07745" cy="1007745"/>
                        </a:xfrm>
                        <a:prstGeom prst="ellipse">
                          <a:avLst/>
                        </a:prstGeom>
                        <a:solidFill>
                          <a:srgbClr val="009900"/>
                        </a:solidFill>
                        <a:ln>
                          <a:solidFill>
                            <a:srgbClr val="0066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Pr="00044C86" w:rsidRDefault="00EF41EE" w:rsidP="00EF41EE">
                            <w:pPr>
                              <w:rPr>
                                <w:color w:val="FFFFFF" w:themeColor="background1"/>
                                <w:sz w:val="32"/>
                                <w:szCs w:val="32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3D14F37C" id="円/楕円 1" o:spid="_x0000_s1028" style="position:absolute;left:0;text-align:left;margin-left:279pt;margin-top:-70.15pt;width:79.35pt;height:79.35pt;z-index:2516858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" fillcolor="#090" strokecolor="#060" strokeweight="1pt">
                <v:stroke joinstyle="miter"/>
                <v:textbox>
                  <w:txbxContent>
                    <w:p w:rsidR="00EF41EE" w:rsidRPr="00044C86" w:rsidRDefault="00EF41EE" w:rsidP="00EF41EE">
                      <w:pPr>
                        <w:rPr>
                          <w:color w:val="FFFFFF" w:themeColor="background1"/>
                          <w:sz w:val="32"/>
                          <w:szCs w:val="32"/>
                        </w:rPr>
                      </w:pPr>
                    </w:p>
                  </w:txbxContent>
                </v:textbox>
              </v:oval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98176" behindDoc="0" locked="0" layoutInCell="1" allowOverlap="1">
            <wp:simplePos x="0" y="0"/>
            <wp:positionH relativeFrom="column">
              <wp:posOffset>-716280</wp:posOffset>
            </wp:positionH>
            <wp:positionV relativeFrom="paragraph">
              <wp:posOffset>-1050925</wp:posOffset>
            </wp:positionV>
            <wp:extent cx="4102735" cy="1381760"/>
            <wp:effectExtent l="0" t="0" r="0" b="8890"/>
            <wp:wrapNone/>
            <wp:docPr id="80" name="図 80" descr="kurashi093-web_P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kurashi093-web_P1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02735" cy="1381760"/>
                    </a:xfrm>
                    <a:prstGeom prst="rect">
                      <a:avLst/>
                    </a:prstGeom>
                    <a:gradFill rotWithShape="1">
                      <a:gsLst>
                        <a:gs pos="0">
                          <a:srgbClr val="FF0000"/>
                        </a:gs>
                        <a:gs pos="100000">
                          <a:srgbClr val="FF0000">
                            <a:gamma/>
                            <a:shade val="46275"/>
                            <a:invGamma/>
                          </a:srgbClr>
                        </a:gs>
                      </a:gsLst>
                      <a:lin ang="5400000" scaled="1"/>
                    </a:gradFill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89984" behindDoc="0" locked="0" layoutInCell="1" allowOverlap="1" wp14:anchorId="579FAFF7" wp14:editId="242E8819">
                <wp:simplePos x="0" y="0"/>
                <wp:positionH relativeFrom="column">
                  <wp:posOffset>4823460</wp:posOffset>
                </wp:positionH>
                <wp:positionV relativeFrom="paragraph">
                  <wp:posOffset>-984250</wp:posOffset>
                </wp:positionV>
                <wp:extent cx="1295400" cy="495300"/>
                <wp:effectExtent l="0" t="0" r="0" b="0"/>
                <wp:wrapNone/>
                <wp:docPr id="53" name="フローチャート: 処理 5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95400" cy="495300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Pr="0094165E" w:rsidRDefault="00EF41EE" w:rsidP="00EF41EE">
                            <w:pPr>
                              <w:jc w:val="center"/>
                              <w:rPr>
                                <w:color w:val="000000" w:themeColor="text1"/>
                                <w:sz w:val="22"/>
                              </w:rPr>
                            </w:pPr>
                            <w:r w:rsidRPr="0094165E">
                              <w:rPr>
                                <w:rFonts w:hint="eastAsia"/>
                                <w:color w:val="000000" w:themeColor="text1"/>
                                <w:sz w:val="22"/>
                              </w:rPr>
                              <w:t>2019</w:t>
                            </w:r>
                            <w:r w:rsidRPr="0094165E">
                              <w:rPr>
                                <w:rFonts w:hint="eastAsia"/>
                                <w:color w:val="000000" w:themeColor="text1"/>
                                <w:sz w:val="22"/>
                              </w:rPr>
                              <w:t>年</w:t>
                            </w:r>
                            <w:r w:rsidRPr="0094165E">
                              <w:rPr>
                                <w:color w:val="000000" w:themeColor="text1"/>
                                <w:sz w:val="22"/>
                              </w:rPr>
                              <w:t>5</w:t>
                            </w:r>
                            <w:r w:rsidRPr="0094165E">
                              <w:rPr>
                                <w:color w:val="000000" w:themeColor="text1"/>
                                <w:sz w:val="22"/>
                              </w:rPr>
                              <w:t>月</w:t>
                            </w:r>
                            <w:r w:rsidRPr="0094165E">
                              <w:rPr>
                                <w:rFonts w:hint="eastAsia"/>
                                <w:color w:val="000000" w:themeColor="text1"/>
                                <w:sz w:val="22"/>
                              </w:rPr>
                              <w:t>発行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79FAFF7" id="フローチャート: 処理 53" o:spid="_x0000_s1029" type="#_x0000_t109" style="position:absolute;left:0;text-align:left;margin-left:379.8pt;margin-top:-77.5pt;width:102pt;height:39pt;z-index:2516899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" fillcolor="white [3212]" stroked="f" strokeweight="1pt">
                <v:textbox>
                  <w:txbxContent>
                    <w:p w:rsidR="00EF41EE" w:rsidRPr="0094165E" w:rsidRDefault="00EF41EE" w:rsidP="00EF41EE">
                      <w:pPr>
                        <w:jc w:val="center"/>
                        <w:rPr>
                          <w:color w:val="000000" w:themeColor="text1"/>
                          <w:sz w:val="22"/>
                        </w:rPr>
                      </w:pPr>
                      <w:r w:rsidRPr="0094165E">
                        <w:rPr>
                          <w:rFonts w:hint="eastAsia"/>
                          <w:color w:val="000000" w:themeColor="text1"/>
                          <w:sz w:val="22"/>
                        </w:rPr>
                        <w:t>2019</w:t>
                      </w:r>
                      <w:r w:rsidRPr="0094165E">
                        <w:rPr>
                          <w:rFonts w:hint="eastAsia"/>
                          <w:color w:val="000000" w:themeColor="text1"/>
                          <w:sz w:val="22"/>
                        </w:rPr>
                        <w:t>年</w:t>
                      </w:r>
                      <w:r w:rsidRPr="0094165E">
                        <w:rPr>
                          <w:color w:val="000000" w:themeColor="text1"/>
                          <w:sz w:val="22"/>
                        </w:rPr>
                        <w:t>5</w:t>
                      </w:r>
                      <w:r w:rsidRPr="0094165E">
                        <w:rPr>
                          <w:color w:val="000000" w:themeColor="text1"/>
                          <w:sz w:val="22"/>
                        </w:rPr>
                        <w:t>月</w:t>
                      </w:r>
                      <w:r w:rsidRPr="0094165E">
                        <w:rPr>
                          <w:rFonts w:hint="eastAsia"/>
                          <w:color w:val="000000" w:themeColor="text1"/>
                          <w:sz w:val="22"/>
                        </w:rPr>
                        <w:t>発行</w:t>
                      </w:r>
                    </w:p>
                  </w:txbxContent>
                </v:textbox>
              </v:shape>
            </w:pict>
          </mc:Fallback>
        </mc:AlternateContent>
      </w:r>
    </w:p>
    <w:p w:rsidR="00EF41EE" w:rsidRDefault="00EF41EE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82816" behindDoc="1" locked="0" layoutInCell="1" allowOverlap="1" wp14:anchorId="2827FA1B" wp14:editId="20B29B2D">
                <wp:simplePos x="0" y="0"/>
                <wp:positionH relativeFrom="column">
                  <wp:posOffset>-970408</wp:posOffset>
                </wp:positionH>
                <wp:positionV relativeFrom="paragraph">
                  <wp:posOffset>237312</wp:posOffset>
                </wp:positionV>
                <wp:extent cx="7351065" cy="9105214"/>
                <wp:effectExtent l="0" t="0" r="21590" b="20320"/>
                <wp:wrapNone/>
                <wp:docPr id="54" name="正方形/長方形 5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351065" cy="9105214"/>
                        </a:xfrm>
                        <a:prstGeom prst="rect">
                          <a:avLst/>
                        </a:prstGeom>
                        <a:solidFill>
                          <a:schemeClr val="accent6">
                            <a:lumMod val="40000"/>
                            <a:lumOff val="60000"/>
                          </a:scheme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2136CDB5" id="正方形/長方形 54" o:spid="_x0000_s1026" style="position:absolute;left:0;text-align:left;margin-left:-76.4pt;margin-top:18.7pt;width:578.8pt;height:716.95pt;z-index:-2516336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" fillcolor="#c5e0b3 [1305]" strokecolor="#1f4d78 [1604]" strokeweight="1pt"/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83840" behindDoc="0" locked="0" layoutInCell="1" allowOverlap="1" wp14:anchorId="7EF7DE1E" wp14:editId="06111DC3">
                <wp:simplePos x="0" y="0"/>
                <wp:positionH relativeFrom="column">
                  <wp:posOffset>-499110</wp:posOffset>
                </wp:positionH>
                <wp:positionV relativeFrom="paragraph">
                  <wp:posOffset>311150</wp:posOffset>
                </wp:positionV>
                <wp:extent cx="4467225" cy="675005"/>
                <wp:effectExtent l="19050" t="95250" r="28575" b="10795"/>
                <wp:wrapNone/>
                <wp:docPr id="55" name="横巻き 5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467225" cy="675005"/>
                        </a:xfrm>
                        <a:prstGeom prst="horizontalScroll">
                          <a:avLst>
                            <a:gd name="adj" fmla="val 15475"/>
                          </a:avLst>
                        </a:prstGeom>
                        <a:solidFill>
                          <a:srgbClr val="33CC33"/>
                        </a:solidFill>
                        <a:ln w="28575">
                          <a:solidFill>
                            <a:srgbClr val="6633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10E7A19A" id="_x0000_t98" coordsize="21600,21600" o:spt="98" adj="2700" path="m0@5qy@2@1l@0@1@0@2qy@7,,21600@2l21600@9qy@7@10l@1@10@1@11qy@2,21600,0@11xem0@5nfqy@2@6@1@5@3@4@2@5l@2@6em@1@5nfl@1@10em21600@2nfqy@7@1l@0@1em@0@2nfqy@8@3@7@2l@7@1e">
                <v:formulas>
                  <v:f eqn="sum width 0 #0"/>
                  <v:f eqn="val #0"/>
                  <v:f eqn="prod @1 1 2"/>
                  <v:f eqn="prod @1 3 4"/>
                  <v:f eqn="prod @1 5 4"/>
                  <v:f eqn="prod @1 3 2"/>
                  <v:f eqn="prod @1 2 1"/>
                  <v:f eqn="sum width 0 @2"/>
                  <v:f eqn="sum width 0 @3"/>
                  <v:f eqn="sum height 0 @5"/>
                  <v:f eqn="sum height 0 @1"/>
                  <v:f eqn="sum height 0 @2"/>
                  <v:f eqn="val width"/>
                  <v:f eqn="prod width 1 2"/>
                  <v:f eqn="prod height 1 2"/>
                </v:formulas>
                <v:path o:extrusionok="f" limo="10800,10800" o:connecttype="custom" o:connectlocs="@13,@1;0,@14;@13,@10;@12,@14" o:connectangles="270,180,90,0" textboxrect="@1,@1,@7,@10"/>
                <v:handles>
                  <v:h position="#0,topLeft" xrange="0,5400"/>
                </v:handles>
                <o:complex v:ext="view"/>
              </v:shapetype>
              <v:shape id="横巻き 55" o:spid="_x0000_s1026" type="#_x0000_t98" style="position:absolute;left:0;text-align:left;margin-left:-39.3pt;margin-top:24.5pt;width:351.75pt;height:53.15pt;z-index:2516838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" adj="3343" fillcolor="#3c3" strokecolor="#630" strokeweight="2.25pt">
                <v:stroke joinstyle="miter"/>
              </v:shape>
            </w:pict>
          </mc:Fallback>
        </mc:AlternateContent>
      </w:r>
    </w:p>
    <w:p w:rsidR="00EF41EE" w:rsidRDefault="00EF41EE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84864" behindDoc="0" locked="0" layoutInCell="1" allowOverlap="1" wp14:anchorId="59AF74DD" wp14:editId="3B2336E0">
                <wp:simplePos x="0" y="0"/>
                <wp:positionH relativeFrom="column">
                  <wp:posOffset>120015</wp:posOffset>
                </wp:positionH>
                <wp:positionV relativeFrom="paragraph">
                  <wp:posOffset>205105</wp:posOffset>
                </wp:positionV>
                <wp:extent cx="4667250" cy="923925"/>
                <wp:effectExtent l="0" t="0" r="0" b="1270"/>
                <wp:wrapNone/>
                <wp:docPr id="56" name="テキスト ボックス 5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667250" cy="9239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EF41EE" w:rsidRPr="00062C71" w:rsidRDefault="00EF41EE" w:rsidP="00EF41EE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覚えておこう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！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 xml:space="preserve">　「クーリング・オフ」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59AF74DD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56" o:spid="_x0000_s1030" type="#_x0000_t202" style="position:absolute;left:0;text-align:left;margin-left:9.45pt;margin-top:16.15pt;width:367.5pt;height:72.75pt;z-index:251684864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" filled="f" stroked="f">
                <v:textbox style="mso-fit-shape-to-text:t" inset="5.85pt,.7pt,5.85pt,.7pt">
                  <w:txbxContent>
                    <w:p w:rsidR="00EF41EE" w:rsidRPr="00062C71" w:rsidRDefault="00EF41EE" w:rsidP="00EF41EE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覚えておこう</w:t>
                      </w:r>
                      <w:r w:rsidRPr="00062C71"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！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 xml:space="preserve">　「クーリング・オフ」</w:t>
                      </w:r>
                    </w:p>
                  </w:txbxContent>
                </v:textbox>
              </v:shape>
            </w:pict>
          </mc:Fallback>
        </mc:AlternateContent>
      </w:r>
    </w:p>
    <w:p w:rsidR="00EF41EE" w:rsidRDefault="00EF41EE" w:rsidP="00EF41EE"/>
    <w:p w:rsidR="00EF41EE" w:rsidRDefault="00EF41EE" w:rsidP="00EF41EE"/>
    <w:p w:rsidR="00EF41EE" w:rsidRDefault="00EF41EE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50FCFB20" wp14:editId="143AECF8">
                <wp:simplePos x="0" y="0"/>
                <wp:positionH relativeFrom="column">
                  <wp:posOffset>-499110</wp:posOffset>
                </wp:positionH>
                <wp:positionV relativeFrom="paragraph">
                  <wp:posOffset>127000</wp:posOffset>
                </wp:positionV>
                <wp:extent cx="6443980" cy="698500"/>
                <wp:effectExtent l="19050" t="19050" r="13970" b="25400"/>
                <wp:wrapNone/>
                <wp:docPr id="57" name="フローチャート: 処理 5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698500"/>
                        </a:xfrm>
                        <a:prstGeom prst="flowChartProcess">
                          <a:avLst/>
                        </a:prstGeom>
                        <a:solidFill>
                          <a:srgbClr val="006699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Ｑ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.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クーリング・オフってなに？</w:t>
                            </w:r>
                          </w:p>
                          <w:p w:rsidR="00EF41EE" w:rsidRPr="00062C71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  <w:p w:rsidR="00EF41EE" w:rsidRPr="00062C71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0FCFB20" id="フローチャート: 処理 57" o:spid="_x0000_s1031" type="#_x0000_t109" style="position:absolute;left:0;text-align:left;margin-left:-39.3pt;margin-top:10pt;width:507.4pt;height:55pt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" fillcolor="#069" strokecolor="#069" strokeweight="2.25pt">
                <v:textbox>
                  <w:txbxContent>
                    <w:p w:rsidR="00EF41EE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Ｑ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.</w:t>
                      </w:r>
                      <w:r w:rsidRPr="00062C71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 xml:space="preserve"> 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クーリング・オフってなに？</w:t>
                      </w:r>
                    </w:p>
                    <w:p w:rsidR="00EF41EE" w:rsidRPr="00062C71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  <w:p w:rsidR="00EF41EE" w:rsidRPr="00062C71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EF41EE" w:rsidRDefault="00EF41EE" w:rsidP="00EF41EE"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 wp14:anchorId="33A1A09D" wp14:editId="5A9B7B8E">
                <wp:simplePos x="0" y="0"/>
                <wp:positionH relativeFrom="column">
                  <wp:posOffset>-499110</wp:posOffset>
                </wp:positionH>
                <wp:positionV relativeFrom="paragraph">
                  <wp:posOffset>215900</wp:posOffset>
                </wp:positionV>
                <wp:extent cx="6443980" cy="384175"/>
                <wp:effectExtent l="19050" t="19050" r="13970" b="15875"/>
                <wp:wrapNone/>
                <wp:docPr id="58" name="フローチャート: 処理 5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384175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Pr="00062C71" w:rsidRDefault="00EF41EE" w:rsidP="00EF41EE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Ａ. 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契約後、一定期間内であれば</w:t>
                            </w:r>
                            <w:r w:rsidRPr="00BA54F4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無条件で契約を解除できる制度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で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3A1A09D" id="フローチャート: 処理 58" o:spid="_x0000_s1032" type="#_x0000_t109" style="position:absolute;left:0;text-align:left;margin-left:-39.3pt;margin-top:17pt;width:507.4pt;height:30.25pt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" fillcolor="white [3212]" strokecolor="#069" strokeweight="2.25pt">
                <v:textbox>
                  <w:txbxContent>
                    <w:p w:rsidR="00EF41EE" w:rsidRPr="00062C71" w:rsidRDefault="00EF41EE" w:rsidP="00EF41EE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Ａ. 契約後、一定期間内であれば</w:t>
                      </w:r>
                      <w:r w:rsidRPr="00BA54F4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無条件で契約を解除できる制度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です。</w:t>
                      </w:r>
                    </w:p>
                  </w:txbxContent>
                </v:textbox>
              </v:shape>
            </w:pict>
          </mc:Fallback>
        </mc:AlternateContent>
      </w:r>
    </w:p>
    <w:p w:rsidR="00EF41EE" w:rsidRDefault="00EF41EE" w:rsidP="00EF41EE"/>
    <w:p w:rsidR="00EF41EE" w:rsidRDefault="00EB1C3A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 wp14:anchorId="19DFCC3B" wp14:editId="39AABE83">
                <wp:simplePos x="0" y="0"/>
                <wp:positionH relativeFrom="column">
                  <wp:posOffset>-499745</wp:posOffset>
                </wp:positionH>
                <wp:positionV relativeFrom="paragraph">
                  <wp:posOffset>264795</wp:posOffset>
                </wp:positionV>
                <wp:extent cx="6443345" cy="774065"/>
                <wp:effectExtent l="19050" t="19050" r="14605" b="26035"/>
                <wp:wrapNone/>
                <wp:docPr id="59" name="フローチャート: 処理 5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345" cy="774065"/>
                        </a:xfrm>
                        <a:prstGeom prst="flowChartProcess">
                          <a:avLst/>
                        </a:prstGeom>
                        <a:solidFill>
                          <a:srgbClr val="006699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Ｑ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.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クーリング・オフをすると、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どうなるの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？</w:t>
                            </w:r>
                          </w:p>
                          <w:p w:rsidR="00EF41EE" w:rsidRPr="007A6734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  <w:p w:rsidR="00EF41EE" w:rsidRPr="007A6734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9DFCC3B" id="フローチャート: 処理 59" o:spid="_x0000_s1033" type="#_x0000_t109" style="position:absolute;left:0;text-align:left;margin-left:-39.35pt;margin-top:20.85pt;width:507.35pt;height:60.95pt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" fillcolor="#069" strokecolor="#069" strokeweight="2.25pt">
                <v:textbox>
                  <w:txbxContent>
                    <w:p w:rsidR="00EF41EE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Ｑ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.</w:t>
                      </w: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 xml:space="preserve"> 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クーリング・オフをすると、</w:t>
                      </w: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どうなるの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？</w:t>
                      </w:r>
                    </w:p>
                    <w:p w:rsidR="00EF41EE" w:rsidRPr="007A6734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  <w:p w:rsidR="00EF41EE" w:rsidRPr="007A6734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EF41EE" w:rsidRDefault="00EF41EE" w:rsidP="00EF41EE"/>
    <w:p w:rsidR="00EF41EE" w:rsidRDefault="00EF41EE" w:rsidP="00EF41EE"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665B8194" wp14:editId="5F86EA5F">
                <wp:simplePos x="0" y="0"/>
                <wp:positionH relativeFrom="column">
                  <wp:posOffset>-499110</wp:posOffset>
                </wp:positionH>
                <wp:positionV relativeFrom="paragraph">
                  <wp:posOffset>116840</wp:posOffset>
                </wp:positionV>
                <wp:extent cx="6443980" cy="866775"/>
                <wp:effectExtent l="19050" t="19050" r="13970" b="28575"/>
                <wp:wrapNone/>
                <wp:docPr id="60" name="フローチャート: 処理 6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866775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Pr="007A6734" w:rsidRDefault="00EF41EE" w:rsidP="00EF41EE">
                            <w:pPr>
                              <w:spacing w:line="400" w:lineRule="exact"/>
                              <w:ind w:left="260" w:hangingChars="100" w:hanging="26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Ａ. </w:t>
                            </w:r>
                            <w:r w:rsidRPr="00321716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契約はなかったことになる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ので、商品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を受け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とって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いた場合でも</w:t>
                            </w:r>
                            <w:r w:rsidRPr="00BA54F4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お金を支払う必要はありません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。また、</w:t>
                            </w:r>
                            <w:r w:rsidRPr="00BA54F4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支払ったお金は返してもらい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、受け取った商品は事業者負担で返すことができます。</w:t>
                            </w:r>
                          </w:p>
                          <w:p w:rsidR="00EF41EE" w:rsidRPr="007A6734" w:rsidRDefault="00EF41EE" w:rsidP="00EF41EE">
                            <w:pPr>
                              <w:spacing w:line="400" w:lineRule="exact"/>
                              <w:ind w:left="260" w:hangingChars="100" w:hanging="26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</w:p>
                          <w:p w:rsidR="00EF41EE" w:rsidRPr="007A6734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65B8194" id="フローチャート: 処理 60" o:spid="_x0000_s1034" type="#_x0000_t109" style="position:absolute;left:0;text-align:left;margin-left:-39.3pt;margin-top:9.2pt;width:507.4pt;height:68.25pt;z-index:2516807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" fillcolor="white [3212]" strokecolor="#069" strokeweight="2.25pt">
                <v:textbox>
                  <w:txbxContent>
                    <w:p w:rsidR="00EF41EE" w:rsidRPr="007A6734" w:rsidRDefault="00EF41EE" w:rsidP="00EF41EE">
                      <w:pPr>
                        <w:spacing w:line="400" w:lineRule="exact"/>
                        <w:ind w:left="260" w:hangingChars="100" w:hanging="26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 xml:space="preserve">Ａ. </w:t>
                      </w:r>
                      <w:r w:rsidRPr="00321716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契約はなかったことになる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ので、商品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を受け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とって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いた場合でも</w:t>
                      </w:r>
                      <w:r w:rsidRPr="00BA54F4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お金を支払う必要はありません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。また、</w:t>
                      </w:r>
                      <w:r w:rsidRPr="00BA54F4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支払ったお金は返してもらい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、受け取った商品は事業者負担で返すことができます。</w:t>
                      </w:r>
                    </w:p>
                    <w:p w:rsidR="00EF41EE" w:rsidRPr="007A6734" w:rsidRDefault="00EF41EE" w:rsidP="00EF41EE">
                      <w:pPr>
                        <w:spacing w:line="400" w:lineRule="exact"/>
                        <w:ind w:left="260" w:hangingChars="100" w:hanging="26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</w:p>
                    <w:p w:rsidR="00EF41EE" w:rsidRPr="007A6734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EF41EE" w:rsidRDefault="00EF41EE" w:rsidP="00EF41EE"/>
    <w:p w:rsidR="00EF41EE" w:rsidRDefault="00EF41EE" w:rsidP="00EF41EE"/>
    <w:p w:rsidR="00EF41EE" w:rsidRDefault="00EF41EE" w:rsidP="00EF41EE"/>
    <w:p w:rsidR="00EF41EE" w:rsidRDefault="00EF41EE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76672" behindDoc="0" locked="0" layoutInCell="1" allowOverlap="1" wp14:anchorId="55DA3605" wp14:editId="2F575328">
                <wp:simplePos x="0" y="0"/>
                <wp:positionH relativeFrom="column">
                  <wp:posOffset>-499745</wp:posOffset>
                </wp:positionH>
                <wp:positionV relativeFrom="paragraph">
                  <wp:posOffset>190500</wp:posOffset>
                </wp:positionV>
                <wp:extent cx="6443980" cy="709684"/>
                <wp:effectExtent l="19050" t="19050" r="13970" b="14605"/>
                <wp:wrapNone/>
                <wp:docPr id="61" name="フローチャート: 処理 6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709684"/>
                        </a:xfrm>
                        <a:prstGeom prst="flowChartProcess">
                          <a:avLst/>
                        </a:prstGeom>
                        <a:solidFill>
                          <a:srgbClr val="006699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Ｑ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.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クーリング・オフで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注意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することは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？</w:t>
                            </w:r>
                          </w:p>
                          <w:p w:rsidR="00EF41EE" w:rsidRPr="007A6734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  <w:p w:rsidR="00EF41EE" w:rsidRPr="007A6734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5DA3605" id="フローチャート: 処理 61" o:spid="_x0000_s1035" type="#_x0000_t109" style="position:absolute;left:0;text-align:left;margin-left:-39.35pt;margin-top:15pt;width:507.4pt;height:55.9pt;z-index:2516766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" fillcolor="#069" strokecolor="#069" strokeweight="2.25pt">
                <v:textbox>
                  <w:txbxContent>
                    <w:p w:rsidR="00EF41EE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Ｑ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.</w:t>
                      </w: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 xml:space="preserve"> 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クーリング・オフで</w:t>
                      </w: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注意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することは</w:t>
                      </w: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？</w:t>
                      </w:r>
                    </w:p>
                    <w:p w:rsidR="00EF41EE" w:rsidRPr="007A6734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  <w:p w:rsidR="00EF41EE" w:rsidRPr="007A6734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EF41EE" w:rsidRDefault="00EB1C3A" w:rsidP="00EF41EE"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681792" behindDoc="0" locked="0" layoutInCell="1" allowOverlap="1" wp14:anchorId="441DEA3E" wp14:editId="4AB015A7">
                <wp:simplePos x="0" y="0"/>
                <wp:positionH relativeFrom="column">
                  <wp:posOffset>-499745</wp:posOffset>
                </wp:positionH>
                <wp:positionV relativeFrom="paragraph">
                  <wp:posOffset>275590</wp:posOffset>
                </wp:positionV>
                <wp:extent cx="6443980" cy="1146175"/>
                <wp:effectExtent l="19050" t="19050" r="13970" b="15875"/>
                <wp:wrapNone/>
                <wp:docPr id="62" name="フローチャート: 処理 6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1146175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spacing w:line="400" w:lineRule="exac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Ａ.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①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クーリング・オフ</w:t>
                            </w:r>
                            <w:r w:rsidRPr="00BA54F4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期間内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に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、必ず</w:t>
                            </w:r>
                            <w:r w:rsidRPr="00BA54F4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書面（</w:t>
                            </w:r>
                            <w:r w:rsidRPr="00BA54F4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はがき等</w:t>
                            </w:r>
                            <w:r w:rsidRPr="00BA54F4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）で事業者へ通知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しましょう。</w:t>
                            </w:r>
                          </w:p>
                          <w:p w:rsidR="00EF41EE" w:rsidRPr="00062C71" w:rsidRDefault="00EF41EE" w:rsidP="00EF41EE">
                            <w:pPr>
                              <w:spacing w:line="400" w:lineRule="exact"/>
                              <w:ind w:firstLineChars="300" w:firstLine="78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（期間内に</w:t>
                            </w:r>
                            <w:r w:rsidRPr="00BA54F4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はがき等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を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出せば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事業者に届いて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いなくても有効です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。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）</w:t>
                            </w:r>
                          </w:p>
                          <w:p w:rsidR="00EF41EE" w:rsidRPr="00062C71" w:rsidRDefault="00EF41EE" w:rsidP="00EF41EE">
                            <w:pPr>
                              <w:spacing w:line="400" w:lineRule="exact"/>
                              <w:ind w:firstLineChars="150" w:firstLine="39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②販売方法により、クーリング・オフできる期間が異なります。</w:t>
                            </w:r>
                          </w:p>
                          <w:p w:rsidR="00EF41EE" w:rsidRPr="00062C71" w:rsidRDefault="00EF41EE" w:rsidP="00EF41EE">
                            <w:pPr>
                              <w:spacing w:line="400" w:lineRule="exact"/>
                              <w:ind w:firstLineChars="150" w:firstLine="39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③ネットショッピングでの買い物など</w:t>
                            </w:r>
                            <w:r w:rsidRPr="00BA54F4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クーリング・オフができない場合もあります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41DEA3E" id="フローチャート: 処理 62" o:spid="_x0000_s1036" type="#_x0000_t109" style="position:absolute;left:0;text-align:left;margin-left:-39.35pt;margin-top:21.7pt;width:507.4pt;height:90.25pt;z-index:2516817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" fillcolor="white [3212]" strokecolor="#069" strokeweight="2.25pt">
                <v:textbox>
                  <w:txbxContent>
                    <w:p w:rsidR="00EF41EE" w:rsidRDefault="00EF41EE" w:rsidP="00EF41EE">
                      <w:pPr>
                        <w:spacing w:line="400" w:lineRule="exac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Ａ.</w:t>
                      </w:r>
                      <w:r w:rsidRPr="00062C71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 xml:space="preserve"> 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①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クーリング・オフ</w:t>
                      </w:r>
                      <w:r w:rsidRPr="00BA54F4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期間内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に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、必ず</w:t>
                      </w:r>
                      <w:r w:rsidRPr="00BA54F4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書面（</w:t>
                      </w:r>
                      <w:r w:rsidRPr="00BA54F4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はがき等</w:t>
                      </w:r>
                      <w:r w:rsidRPr="00BA54F4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）で事業者へ通知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しましょう。</w:t>
                      </w:r>
                    </w:p>
                    <w:p w:rsidR="00EF41EE" w:rsidRPr="00062C71" w:rsidRDefault="00EF41EE" w:rsidP="00EF41EE">
                      <w:pPr>
                        <w:spacing w:line="400" w:lineRule="exact"/>
                        <w:ind w:firstLineChars="300" w:firstLine="78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（期間内に</w:t>
                      </w:r>
                      <w:r w:rsidRPr="00BA54F4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はがき等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を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出せば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事業者に届いて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いなくても有効です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。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）</w:t>
                      </w:r>
                    </w:p>
                    <w:p w:rsidR="00EF41EE" w:rsidRPr="00062C71" w:rsidRDefault="00EF41EE" w:rsidP="00EF41EE">
                      <w:pPr>
                        <w:spacing w:line="400" w:lineRule="exact"/>
                        <w:ind w:firstLineChars="150" w:firstLine="39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②販売方法により、クーリング・オフできる期間が異なります。</w:t>
                      </w:r>
                    </w:p>
                    <w:p w:rsidR="00EF41EE" w:rsidRPr="00062C71" w:rsidRDefault="00EF41EE" w:rsidP="00EF41EE">
                      <w:pPr>
                        <w:spacing w:line="400" w:lineRule="exact"/>
                        <w:ind w:firstLineChars="150" w:firstLine="39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③ネットショッピングでの買い物など</w:t>
                      </w:r>
                      <w:r w:rsidRPr="00BA54F4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クーリング・オフができない場合もあります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。</w:t>
                      </w:r>
                    </w:p>
                  </w:txbxContent>
                </v:textbox>
              </v:shape>
            </w:pict>
          </mc:Fallback>
        </mc:AlternateContent>
      </w:r>
    </w:p>
    <w:p w:rsidR="00EF41EE" w:rsidRDefault="00EF41EE" w:rsidP="00EF41EE"/>
    <w:p w:rsidR="00EF41EE" w:rsidRDefault="00EF41EE" w:rsidP="00EF41EE"/>
    <w:p w:rsidR="00EF41EE" w:rsidRDefault="00EF41EE" w:rsidP="00EF41EE"/>
    <w:p w:rsidR="00EF41EE" w:rsidRDefault="00EF41EE" w:rsidP="00EF41EE"/>
    <w:p w:rsidR="00EF41EE" w:rsidRDefault="00EF41EE" w:rsidP="00EF41EE"/>
    <w:p w:rsidR="00EF41EE" w:rsidRDefault="00EF41EE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97152" behindDoc="0" locked="0" layoutInCell="1" allowOverlap="1" wp14:anchorId="603B8C4C" wp14:editId="67821746">
                <wp:simplePos x="0" y="0"/>
                <wp:positionH relativeFrom="column">
                  <wp:posOffset>-499745</wp:posOffset>
                </wp:positionH>
                <wp:positionV relativeFrom="paragraph">
                  <wp:posOffset>174625</wp:posOffset>
                </wp:positionV>
                <wp:extent cx="6443980" cy="307074"/>
                <wp:effectExtent l="19050" t="19050" r="13970" b="17145"/>
                <wp:wrapNone/>
                <wp:docPr id="63" name="フローチャート: 処理 6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307074"/>
                        </a:xfrm>
                        <a:prstGeom prst="flowChartProcess">
                          <a:avLst/>
                        </a:prstGeom>
                        <a:solidFill>
                          <a:srgbClr val="006699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Ｑ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.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クーリング・オフ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期間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過ぎてしまったら？</w:t>
                            </w:r>
                          </w:p>
                          <w:p w:rsidR="00EF41EE" w:rsidRPr="007A6734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  <w:p w:rsidR="00EF41EE" w:rsidRPr="007A6734" w:rsidRDefault="00EF41EE" w:rsidP="00EF41EE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03B8C4C" id="フローチャート: 処理 63" o:spid="_x0000_s1037" type="#_x0000_t109" style="position:absolute;left:0;text-align:left;margin-left:-39.35pt;margin-top:13.75pt;width:507.4pt;height:24.2pt;z-index:2516971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" fillcolor="#069" strokecolor="#069" strokeweight="2.25pt">
                <v:textbox>
                  <w:txbxContent>
                    <w:p w:rsidR="00EF41EE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Ｑ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.</w:t>
                      </w: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 xml:space="preserve"> 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クーリング・オフ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期間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過ぎてしまったら？</w:t>
                      </w:r>
                    </w:p>
                    <w:p w:rsidR="00EF41EE" w:rsidRPr="007A6734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  <w:p w:rsidR="00EF41EE" w:rsidRPr="007A6734" w:rsidRDefault="00EF41EE" w:rsidP="00EF41EE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EF41EE" w:rsidRDefault="00EB1C3A" w:rsidP="00EF41EE"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699200" behindDoc="0" locked="0" layoutInCell="1" allowOverlap="1" wp14:anchorId="04C3C634" wp14:editId="65977056">
                <wp:simplePos x="0" y="0"/>
                <wp:positionH relativeFrom="column">
                  <wp:posOffset>-499110</wp:posOffset>
                </wp:positionH>
                <wp:positionV relativeFrom="paragraph">
                  <wp:posOffset>241300</wp:posOffset>
                </wp:positionV>
                <wp:extent cx="6443980" cy="1190625"/>
                <wp:effectExtent l="19050" t="19050" r="13970" b="28575"/>
                <wp:wrapNone/>
                <wp:docPr id="66" name="フローチャート: 処理 6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1190625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Pr="009600FF" w:rsidRDefault="00EF41EE" w:rsidP="00EF41EE">
                            <w:pPr>
                              <w:spacing w:line="340" w:lineRule="exact"/>
                              <w:ind w:left="260" w:hangingChars="100" w:hanging="26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Ａ.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 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クーリング・オフ期間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過ぎた場合でも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次のような場合は</w:t>
                            </w:r>
                            <w:r w:rsidRPr="009600FF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契約を取消すことができる場合</w:t>
                            </w:r>
                            <w:r w:rsidRPr="009600FF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があ</w:t>
                            </w:r>
                            <w:r w:rsidRPr="009600FF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ります。</w:t>
                            </w:r>
                          </w:p>
                          <w:p w:rsidR="00EF41EE" w:rsidRDefault="00EF41EE" w:rsidP="00EF41EE">
                            <w:pPr>
                              <w:spacing w:line="340" w:lineRule="exact"/>
                              <w:ind w:firstLineChars="150" w:firstLine="39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・うそをつかれた。</w:t>
                            </w:r>
                          </w:p>
                          <w:p w:rsidR="00EF41EE" w:rsidRDefault="00EF41EE" w:rsidP="00EF41EE">
                            <w:pPr>
                              <w:spacing w:line="340" w:lineRule="exact"/>
                              <w:ind w:firstLineChars="150" w:firstLine="39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・重要なことが説明されていなかった。</w:t>
                            </w:r>
                          </w:p>
                          <w:p w:rsidR="00EF41EE" w:rsidRPr="00DA6645" w:rsidRDefault="00EF41EE" w:rsidP="00EF41EE">
                            <w:pPr>
                              <w:spacing w:line="340" w:lineRule="exact"/>
                              <w:ind w:firstLineChars="150" w:firstLine="390"/>
                              <w:rPr>
                                <w:rFonts w:ascii="HGP創英角ｺﾞｼｯｸUB" w:eastAsia="HGP創英角ｺﾞｼｯｸUB" w:hAnsi="HGP創英角ｺﾞｼｯｸUB"/>
                                <w:color w:val="FF0000"/>
                                <w:sz w:val="30"/>
                                <w:szCs w:val="30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・契約しないことを伝えても、帰らせてくれなかった。　など</w:t>
                            </w:r>
                          </w:p>
                          <w:p w:rsidR="00EF41EE" w:rsidRPr="00062C71" w:rsidRDefault="00EF41EE" w:rsidP="00EF41EE">
                            <w:pPr>
                              <w:spacing w:line="400" w:lineRule="exac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4C3C634" id="フローチャート: 処理 66" o:spid="_x0000_s1038" type="#_x0000_t109" style="position:absolute;left:0;text-align:left;margin-left:-39.3pt;margin-top:19pt;width:507.4pt;height:93.75pt;z-index:2516992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" fillcolor="white [3212]" strokecolor="#069" strokeweight="2.25pt">
                <v:textbox>
                  <w:txbxContent>
                    <w:p w:rsidR="00EF41EE" w:rsidRPr="009600FF" w:rsidRDefault="00EF41EE" w:rsidP="00EF41EE">
                      <w:pPr>
                        <w:spacing w:line="340" w:lineRule="exact"/>
                        <w:ind w:left="260" w:hangingChars="100" w:hanging="26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Ａ.</w:t>
                      </w:r>
                      <w:r w:rsidRPr="00062C71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 xml:space="preserve"> 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クーリング・オフ期間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過ぎた場合でも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次のような場合は</w:t>
                      </w:r>
                      <w:r w:rsidRPr="009600FF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契約を取消すことができる場合</w:t>
                      </w:r>
                      <w:r w:rsidRPr="009600FF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があ</w:t>
                      </w:r>
                      <w:r w:rsidRPr="009600FF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ります。</w:t>
                      </w:r>
                    </w:p>
                    <w:p w:rsidR="00EF41EE" w:rsidRDefault="00EF41EE" w:rsidP="00EF41EE">
                      <w:pPr>
                        <w:spacing w:line="340" w:lineRule="exact"/>
                        <w:ind w:firstLineChars="150" w:firstLine="39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・うそをつかれた。</w:t>
                      </w:r>
                    </w:p>
                    <w:p w:rsidR="00EF41EE" w:rsidRDefault="00EF41EE" w:rsidP="00EF41EE">
                      <w:pPr>
                        <w:spacing w:line="340" w:lineRule="exact"/>
                        <w:ind w:firstLineChars="150" w:firstLine="39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・重要なことが説明されていなかった。</w:t>
                      </w:r>
                    </w:p>
                    <w:p w:rsidR="00EF41EE" w:rsidRPr="00DA6645" w:rsidRDefault="00EF41EE" w:rsidP="00EF41EE">
                      <w:pPr>
                        <w:spacing w:line="340" w:lineRule="exact"/>
                        <w:ind w:firstLineChars="150" w:firstLine="390"/>
                        <w:rPr>
                          <w:rFonts w:ascii="HGP創英角ｺﾞｼｯｸUB" w:eastAsia="HGP創英角ｺﾞｼｯｸUB" w:hAnsi="HGP創英角ｺﾞｼｯｸUB"/>
                          <w:color w:val="FF0000"/>
                          <w:sz w:val="30"/>
                          <w:szCs w:val="30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・契約しないことを伝えても、帰らせてくれなかった。　など</w:t>
                      </w:r>
                    </w:p>
                    <w:p w:rsidR="00EF41EE" w:rsidRPr="00062C71" w:rsidRDefault="00EF41EE" w:rsidP="00EF41EE">
                      <w:pPr>
                        <w:spacing w:line="400" w:lineRule="exac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EF41EE" w:rsidRDefault="00EF41EE" w:rsidP="00EF41EE"/>
    <w:p w:rsidR="00EF41EE" w:rsidRDefault="00EF41EE" w:rsidP="00EF41EE"/>
    <w:p w:rsidR="00EF41EE" w:rsidRDefault="00EF41EE" w:rsidP="00EF41EE"/>
    <w:p w:rsidR="00EF41EE" w:rsidRDefault="00EF41EE" w:rsidP="00EF41EE"/>
    <w:p w:rsidR="00EF41EE" w:rsidRDefault="00EB1C3A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7DBD7CF6" wp14:editId="696FF4E2">
                <wp:simplePos x="0" y="0"/>
                <wp:positionH relativeFrom="column">
                  <wp:posOffset>-601980</wp:posOffset>
                </wp:positionH>
                <wp:positionV relativeFrom="paragraph">
                  <wp:posOffset>290830</wp:posOffset>
                </wp:positionV>
                <wp:extent cx="2847975" cy="431800"/>
                <wp:effectExtent l="0" t="0" r="0" b="1270"/>
                <wp:wrapNone/>
                <wp:docPr id="67" name="テキスト ボックス 6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847975" cy="4318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EF41EE" w:rsidRPr="00A543AF" w:rsidRDefault="00EF41EE" w:rsidP="00EF41EE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A543AF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よくある消費者トラブル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7DBD7CF6" id="テキスト ボックス 67" o:spid="_x0000_s1039" type="#_x0000_t202" style="position:absolute;left:0;text-align:left;margin-left:-47.4pt;margin-top:22.9pt;width:224.25pt;height:34pt;z-index:251671552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" filled="f" stroked="f">
                <v:textbox style="mso-fit-shape-to-text:t" inset="5.85pt,.7pt,5.85pt,.7pt">
                  <w:txbxContent>
                    <w:p w:rsidR="00EF41EE" w:rsidRPr="00A543AF" w:rsidRDefault="00EF41EE" w:rsidP="00EF41EE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A543AF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よくある消費者トラブル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07126456" wp14:editId="679FEFBC">
                <wp:simplePos x="0" y="0"/>
                <wp:positionH relativeFrom="column">
                  <wp:posOffset>-953135</wp:posOffset>
                </wp:positionH>
                <wp:positionV relativeFrom="paragraph">
                  <wp:posOffset>320675</wp:posOffset>
                </wp:positionV>
                <wp:extent cx="2724150" cy="431800"/>
                <wp:effectExtent l="38100" t="19050" r="0" b="44450"/>
                <wp:wrapNone/>
                <wp:docPr id="68" name="爆発 2 6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724150" cy="431800"/>
                        </a:xfrm>
                        <a:prstGeom prst="irregularSeal2">
                          <a:avLst/>
                        </a:prstGeom>
                        <a:solidFill>
                          <a:srgbClr val="FFFF00"/>
                        </a:solidFill>
                        <a:ln>
                          <a:solidFill>
                            <a:srgbClr val="FFFF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52185A1" id="_x0000_t72" coordsize="21600,21600" o:spt="72" path="m11462,4342l9722,1887,8550,6382,4502,3625r870,4192l1172,8270r2763,3322l,12877r3330,2493l1285,17825r3520,415l4917,21600,7527,18125r1173,1587l9872,17370r1740,1472l12180,15935r2762,1435l14640,14350r4237,1282l16380,12310r1890,-1020l16985,9402,21600,6645,16380,6532,18007,3172,14525,5777,14790,xe">
                <v:stroke joinstyle="miter"/>
                <v:path gradientshapeok="t" o:connecttype="custom" o:connectlocs="9722,1887;0,12877;11612,18842;21600,6645" o:connectangles="270,180,90,0" textboxrect="5372,6382,14640,15935"/>
              </v:shapetype>
              <v:shape id="爆発 2 68" o:spid="_x0000_s1026" type="#_x0000_t72" style="position:absolute;left:0;text-align:left;margin-left:-75.05pt;margin-top:25.25pt;width:214.5pt;height:34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" fillcolor="yellow" strokecolor="yellow" strokeweight="1pt"/>
            </w:pict>
          </mc:Fallback>
        </mc:AlternateContent>
      </w:r>
    </w:p>
    <w:p w:rsidR="00EF41EE" w:rsidRDefault="00EF41EE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56192" behindDoc="0" locked="0" layoutInCell="1" allowOverlap="1" wp14:anchorId="3E4D8EC8" wp14:editId="406B54A4">
                <wp:simplePos x="0" y="0"/>
                <wp:positionH relativeFrom="column">
                  <wp:posOffset>-727710</wp:posOffset>
                </wp:positionH>
                <wp:positionV relativeFrom="paragraph">
                  <wp:posOffset>244476</wp:posOffset>
                </wp:positionV>
                <wp:extent cx="6943725" cy="2400300"/>
                <wp:effectExtent l="19050" t="19050" r="28575" b="19050"/>
                <wp:wrapNone/>
                <wp:docPr id="70" name="フローチャート: 処理 7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943725" cy="2400300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 w="38100">
                          <a:solidFill>
                            <a:srgbClr val="FFCC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E4D8EC8" id="フローチャート: 処理 70" o:spid="_x0000_s1040" type="#_x0000_t109" style="position:absolute;left:0;text-align:left;margin-left:-57.3pt;margin-top:19.25pt;width:546.75pt;height:189pt;z-index:2516561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" fillcolor="white [3212]" strokecolor="#fc0" strokeweight="3pt">
                <v:textbox>
                  <w:txbxContent>
                    <w:p w:rsidR="00EF41EE" w:rsidRDefault="00EF41EE" w:rsidP="00EF41EE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EF41EE" w:rsidRDefault="00EF41EE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7DBCFDD9" wp14:editId="56636604">
                <wp:simplePos x="0" y="0"/>
                <wp:positionH relativeFrom="column">
                  <wp:posOffset>-661035</wp:posOffset>
                </wp:positionH>
                <wp:positionV relativeFrom="paragraph">
                  <wp:posOffset>266065</wp:posOffset>
                </wp:positionV>
                <wp:extent cx="1209675" cy="1143000"/>
                <wp:effectExtent l="0" t="0" r="0" b="0"/>
                <wp:wrapNone/>
                <wp:docPr id="69" name="正方形/長方形 6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09675" cy="11430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jc w:val="center"/>
                            </w:pPr>
                            <w:r w:rsidRPr="00DC04F7">
                              <w:rPr>
                                <w:noProof/>
                              </w:rPr>
                              <w:drawing>
                                <wp:inline distT="0" distB="0" distL="0" distR="0" wp14:anchorId="7FC998EA" wp14:editId="73FC380C">
                                  <wp:extent cx="904875" cy="1007165"/>
                                  <wp:effectExtent l="0" t="0" r="0" b="2540"/>
                                  <wp:docPr id="82" name="図 82" descr="C:\Users\i5829221\Desktop\komatta_woman2.png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3" descr="C:\Users\i5829221\Desktop\komatta_woman2.png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0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913757" cy="1017052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DBCFDD9" id="正方形/長方形 69" o:spid="_x0000_s1041" style="position:absolute;left:0;text-align:left;margin-left:-52.05pt;margin-top:20.95pt;width:95.25pt;height:90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" filled="f" stroked="f" strokeweight="1pt">
                <v:textbox>
                  <w:txbxContent>
                    <w:p w:rsidR="00EF41EE" w:rsidRDefault="00EF41EE" w:rsidP="00EF41EE">
                      <w:pPr>
                        <w:jc w:val="center"/>
                      </w:pPr>
                      <w:r w:rsidRPr="00DC04F7">
                        <w:rPr>
                          <w:noProof/>
                        </w:rPr>
                        <w:drawing>
                          <wp:inline distT="0" distB="0" distL="0" distR="0" wp14:anchorId="7FC998EA" wp14:editId="73FC380C">
                            <wp:extent cx="904875" cy="1007165"/>
                            <wp:effectExtent l="0" t="0" r="0" b="2540"/>
                            <wp:docPr id="82" name="図 82" descr="C:\Users\i5829221\Desktop\komatta_woman2.png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3" descr="C:\Users\i5829221\Desktop\komatta_woman2.png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1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913757" cy="1017052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rect>
            </w:pict>
          </mc:Fallback>
        </mc:AlternateContent>
      </w:r>
    </w:p>
    <w:p w:rsidR="00EF41EE" w:rsidRDefault="00EF41EE" w:rsidP="00EF41EE">
      <w:r>
        <w:rPr>
          <w:noProof/>
        </w:rPr>
        <mc:AlternateContent>
          <mc:Choice Requires="wps">
            <w:drawing>
              <wp:anchor distT="0" distB="0" distL="114300" distR="114300" simplePos="0" relativeHeight="251691008" behindDoc="0" locked="0" layoutInCell="1" allowOverlap="1" wp14:anchorId="709AE414" wp14:editId="012CBE91">
                <wp:simplePos x="0" y="0"/>
                <wp:positionH relativeFrom="column">
                  <wp:posOffset>796290</wp:posOffset>
                </wp:positionH>
                <wp:positionV relativeFrom="paragraph">
                  <wp:posOffset>34925</wp:posOffset>
                </wp:positionV>
                <wp:extent cx="5105400" cy="993140"/>
                <wp:effectExtent l="381000" t="0" r="19050" b="16510"/>
                <wp:wrapNone/>
                <wp:docPr id="71" name="角丸四角形吹き出し 7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105400" cy="993140"/>
                        </a:xfrm>
                        <a:prstGeom prst="wedgeRoundRectCallout">
                          <a:avLst>
                            <a:gd name="adj1" fmla="val -56784"/>
                            <a:gd name="adj2" fmla="val 7642"/>
                            <a:gd name="adj3" fmla="val 16667"/>
                          </a:avLst>
                        </a:prstGeom>
                        <a:solidFill>
                          <a:schemeClr val="accent1">
                            <a:lumMod val="20000"/>
                            <a:lumOff val="80000"/>
                          </a:scheme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spacing w:line="320" w:lineRule="exac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「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エステの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無料体験」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という広告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を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見て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エステサロンに行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き、痩身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エステの施術を受けた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ところ、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「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今日なら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特別プランでお得」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と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別の有料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コース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を強引に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勧められ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２０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回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６０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万円（有効期間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１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年間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）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のコースをクレジット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の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分割払い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で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契約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してしまった。</w:t>
                            </w:r>
                          </w:p>
                          <w:p w:rsidR="00EF41EE" w:rsidRDefault="00EF41EE" w:rsidP="00EF41EE">
                            <w:pPr>
                              <w:spacing w:line="320" w:lineRule="exac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でも、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毎月の支払いなど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を考えると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、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やっぱり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解約したい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・・・。</w:t>
                            </w:r>
                          </w:p>
                          <w:p w:rsidR="00EF41EE" w:rsidRPr="00D44A6D" w:rsidRDefault="00EF41EE" w:rsidP="00EF41EE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709AE414" id="_x0000_t62" coordsize="21600,21600" o:spt="62" adj="1350,25920" path="m3600,qx,3600l0@8@12@24,0@9,,18000qy3600,21600l@6,21600@15@27@7,21600,18000,21600qx21600,18000l21600@9@18@30,21600@8,21600,3600qy18000,l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 textboxrect="791,791,20809,20809"/>
                <v:handles>
                  <v:h position="#0,#1"/>
                </v:handles>
              </v:shapetype>
              <v:shape id="角丸四角形吹き出し 71" o:spid="_x0000_s1042" type="#_x0000_t62" style="position:absolute;left:0;text-align:left;margin-left:62.7pt;margin-top:2.75pt;width:402pt;height:78.2pt;z-index:2516910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" adj="-1465,12451" fillcolor="#deeaf6 [660]" strokecolor="#1f4d78 [1604]" strokeweight="1pt">
                <v:textbox>
                  <w:txbxContent>
                    <w:p w:rsidR="00EF41EE" w:rsidRDefault="00EF41EE" w:rsidP="00EF41EE">
                      <w:pPr>
                        <w:spacing w:line="320" w:lineRule="exact"/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「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エステの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無料体験」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という広告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を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見て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エステサロンに行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き、痩身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エステの施術を受けた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ところ、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「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今日なら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特別プランでお得」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と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別の有料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コース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を強引に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勧められ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２０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回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６０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万円（有効期間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１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年間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）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のコースをクレジット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の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分割払い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で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契約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してしまった。</w:t>
                      </w:r>
                    </w:p>
                    <w:p w:rsidR="00EF41EE" w:rsidRDefault="00EF41EE" w:rsidP="00EF41EE">
                      <w:pPr>
                        <w:spacing w:line="320" w:lineRule="exact"/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でも、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毎月の支払いなど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を考えると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、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やっぱり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解約したい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・・・。</w:t>
                      </w:r>
                    </w:p>
                    <w:p w:rsidR="00EF41EE" w:rsidRPr="00D44A6D" w:rsidRDefault="00EF41EE" w:rsidP="00EF41EE">
                      <w:pPr>
                        <w:jc w:val="center"/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93056" behindDoc="0" locked="0" layoutInCell="1" allowOverlap="1" wp14:anchorId="34FFBFE0" wp14:editId="5270BFE7">
                <wp:simplePos x="0" y="0"/>
                <wp:positionH relativeFrom="column">
                  <wp:posOffset>4892040</wp:posOffset>
                </wp:positionH>
                <wp:positionV relativeFrom="paragraph">
                  <wp:posOffset>1282700</wp:posOffset>
                </wp:positionV>
                <wp:extent cx="1514475" cy="895350"/>
                <wp:effectExtent l="0" t="0" r="0" b="0"/>
                <wp:wrapNone/>
                <wp:docPr id="74" name="正方形/長方形 7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14475" cy="8953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jc w:val="center"/>
                            </w:pPr>
                            <w:r w:rsidRPr="00766F88">
                              <w:rPr>
                                <w:rFonts w:hint="eastAsia"/>
                                <w:noProof/>
                              </w:rPr>
                              <w:drawing>
                                <wp:inline distT="0" distB="0" distL="0" distR="0" wp14:anchorId="2CB8870C" wp14:editId="3E21B180">
                                  <wp:extent cx="651969" cy="865112"/>
                                  <wp:effectExtent l="0" t="0" r="0" b="0"/>
                                  <wp:docPr id="83" name="図 83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12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651969" cy="865112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34FFBFE0" id="正方形/長方形 74" o:spid="_x0000_s1043" style="position:absolute;left:0;text-align:left;margin-left:385.2pt;margin-top:101pt;width:119.25pt;height:70.5pt;z-index:25169305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" filled="f" stroked="f" strokeweight="1pt">
                <v:textbox>
                  <w:txbxContent>
                    <w:p w:rsidR="00EF41EE" w:rsidRDefault="00EF41EE" w:rsidP="00EF41EE">
                      <w:pPr>
                        <w:jc w:val="center"/>
                      </w:pPr>
                      <w:r w:rsidRPr="00766F88">
                        <w:rPr>
                          <w:rFonts w:hint="eastAsia"/>
                          <w:noProof/>
                        </w:rPr>
                        <w:drawing>
                          <wp:inline distT="0" distB="0" distL="0" distR="0" wp14:anchorId="2CB8870C" wp14:editId="3E21B180">
                            <wp:extent cx="651969" cy="865112"/>
                            <wp:effectExtent l="0" t="0" r="0" b="0"/>
                            <wp:docPr id="83" name="図 83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13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651969" cy="865112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94080" behindDoc="0" locked="0" layoutInCell="1" allowOverlap="1" wp14:anchorId="4A7EDE5A" wp14:editId="00250FF2">
                <wp:simplePos x="0" y="0"/>
                <wp:positionH relativeFrom="column">
                  <wp:posOffset>-158115</wp:posOffset>
                </wp:positionH>
                <wp:positionV relativeFrom="paragraph">
                  <wp:posOffset>4321175</wp:posOffset>
                </wp:positionV>
                <wp:extent cx="5457825" cy="1590675"/>
                <wp:effectExtent l="0" t="0" r="28575" b="28575"/>
                <wp:wrapNone/>
                <wp:docPr id="76" name="フローチャート: 代替処理 7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457825" cy="1590675"/>
                        </a:xfrm>
                        <a:prstGeom prst="flowChartAlternateProcess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jc w:val="left"/>
                            </w:pPr>
                            <w:r>
                              <w:rPr>
                                <w:rFonts w:hint="eastAsia"/>
                              </w:rPr>
                              <w:t>＜アドバイス＞</w:t>
                            </w:r>
                          </w:p>
                          <w:p w:rsidR="00EF41EE" w:rsidRDefault="00EF41EE" w:rsidP="00EF41EE">
                            <w:pPr>
                              <w:jc w:val="left"/>
                            </w:pPr>
                            <w:r>
                              <w:rPr>
                                <w:rFonts w:hint="eastAsia"/>
                              </w:rPr>
                              <w:t>上記のような</w:t>
                            </w:r>
                            <w:r>
                              <w:t>契約期間が１か月以上で、契約金額が５万円を超えるエステの契約は、</w:t>
                            </w:r>
                            <w:r>
                              <w:rPr>
                                <w:rFonts w:hint="eastAsia"/>
                              </w:rPr>
                              <w:t>契約書面を</w:t>
                            </w:r>
                            <w:r>
                              <w:t>受け取ってから</w:t>
                            </w:r>
                            <w:r>
                              <w:t>8</w:t>
                            </w:r>
                            <w:r>
                              <w:t>日間は</w:t>
                            </w:r>
                            <w:r>
                              <w:rPr>
                                <w:rFonts w:hint="eastAsia"/>
                              </w:rPr>
                              <w:t>クーリング・オフが</w:t>
                            </w:r>
                            <w:r>
                              <w:t>できます</w:t>
                            </w:r>
                            <w:r>
                              <w:rPr>
                                <w:rFonts w:hint="eastAsia"/>
                              </w:rPr>
                              <w:t>。</w:t>
                            </w:r>
                          </w:p>
                          <w:p w:rsidR="00EF41EE" w:rsidRPr="00F64BBA" w:rsidRDefault="00EF41EE" w:rsidP="00EF41EE">
                            <w:pPr>
                              <w:jc w:val="left"/>
                            </w:pPr>
                            <w:r>
                              <w:rPr>
                                <w:rFonts w:hint="eastAsia"/>
                              </w:rPr>
                              <w:t>また、</w:t>
                            </w:r>
                            <w:r>
                              <w:t>クーリング</w:t>
                            </w:r>
                            <w:r>
                              <w:rPr>
                                <w:rFonts w:hint="eastAsia"/>
                              </w:rPr>
                              <w:t>・</w:t>
                            </w:r>
                            <w:r>
                              <w:t>オフ期間</w:t>
                            </w:r>
                            <w:r>
                              <w:rPr>
                                <w:rFonts w:hint="eastAsia"/>
                              </w:rPr>
                              <w:t>が</w:t>
                            </w:r>
                            <w:r>
                              <w:t>過ぎ</w:t>
                            </w:r>
                            <w:r>
                              <w:rPr>
                                <w:rFonts w:hint="eastAsia"/>
                              </w:rPr>
                              <w:t>た</w:t>
                            </w:r>
                            <w:r>
                              <w:t>場合でも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4A7EDE5A" id="_x0000_t176" coordsize="21600,21600" o:spt="176" adj="2700" path="m@0,qx0@0l0@2qy@0,21600l@1,21600qx21600@2l21600@0qy@1,xe">
                <v:stroke joinstyle="miter"/>
                <v:formulas>
                  <v:f eqn="val #0"/>
                  <v:f eqn="sum width 0 #0"/>
                  <v:f eqn="sum height 0 #0"/>
                  <v:f eqn="prod @0 2929 10000"/>
                  <v:f eqn="sum width 0 @3"/>
                  <v:f eqn="sum height 0 @3"/>
                  <v:f eqn="val width"/>
                  <v:f eqn="val height"/>
                  <v:f eqn="prod width 1 2"/>
                  <v:f eqn="prod height 1 2"/>
                </v:formulas>
                <v:path gradientshapeok="t" limo="10800,10800" o:connecttype="custom" o:connectlocs="@8,0;0,@9;@8,@7;@6,@9" textboxrect="@3,@3,@4,@5"/>
              </v:shapetype>
              <v:shape id="フローチャート: 代替処理 76" o:spid="_x0000_s1044" type="#_x0000_t176" style="position:absolute;left:0;text-align:left;margin-left:-12.45pt;margin-top:340.25pt;width:429.75pt;height:125.25pt;z-index:2516940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" fillcolor="#5b9bd5 [3204]" strokecolor="#1f4d78 [1604]" strokeweight="1pt">
                <v:textbox>
                  <w:txbxContent>
                    <w:p w:rsidR="00EF41EE" w:rsidRDefault="00EF41EE" w:rsidP="00EF41EE">
                      <w:pPr>
                        <w:jc w:val="left"/>
                      </w:pPr>
                      <w:r>
                        <w:rPr>
                          <w:rFonts w:hint="eastAsia"/>
                        </w:rPr>
                        <w:t>＜アドバイス＞</w:t>
                      </w:r>
                    </w:p>
                    <w:p w:rsidR="00EF41EE" w:rsidRDefault="00EF41EE" w:rsidP="00EF41EE">
                      <w:pPr>
                        <w:jc w:val="left"/>
                      </w:pPr>
                      <w:r>
                        <w:rPr>
                          <w:rFonts w:hint="eastAsia"/>
                        </w:rPr>
                        <w:t>上記のような</w:t>
                      </w:r>
                      <w:r>
                        <w:t>契約期間が１か月以上で、契約金額が５万円を超えるエステの契約は、</w:t>
                      </w:r>
                      <w:r>
                        <w:rPr>
                          <w:rFonts w:hint="eastAsia"/>
                        </w:rPr>
                        <w:t>契約書面を</w:t>
                      </w:r>
                      <w:r>
                        <w:t>受け取ってから</w:t>
                      </w:r>
                      <w:r>
                        <w:t>8</w:t>
                      </w:r>
                      <w:r>
                        <w:t>日間は</w:t>
                      </w:r>
                      <w:r>
                        <w:rPr>
                          <w:rFonts w:hint="eastAsia"/>
                        </w:rPr>
                        <w:t>クーリング・オフが</w:t>
                      </w:r>
                      <w:r>
                        <w:t>できます</w:t>
                      </w:r>
                      <w:r>
                        <w:rPr>
                          <w:rFonts w:hint="eastAsia"/>
                        </w:rPr>
                        <w:t>。</w:t>
                      </w:r>
                    </w:p>
                    <w:p w:rsidR="00EF41EE" w:rsidRPr="00F64BBA" w:rsidRDefault="00EF41EE" w:rsidP="00EF41EE">
                      <w:pPr>
                        <w:jc w:val="left"/>
                      </w:pPr>
                      <w:r>
                        <w:rPr>
                          <w:rFonts w:hint="eastAsia"/>
                        </w:rPr>
                        <w:t>また、</w:t>
                      </w:r>
                      <w:r>
                        <w:t>クーリング</w:t>
                      </w:r>
                      <w:r>
                        <w:rPr>
                          <w:rFonts w:hint="eastAsia"/>
                        </w:rPr>
                        <w:t>・</w:t>
                      </w:r>
                      <w:r>
                        <w:t>オフ期間</w:t>
                      </w:r>
                      <w:r>
                        <w:rPr>
                          <w:rFonts w:hint="eastAsia"/>
                        </w:rPr>
                        <w:t>が</w:t>
                      </w:r>
                      <w:r>
                        <w:t>過ぎ</w:t>
                      </w:r>
                      <w:r>
                        <w:rPr>
                          <w:rFonts w:hint="eastAsia"/>
                        </w:rPr>
                        <w:t>た</w:t>
                      </w:r>
                      <w:r>
                        <w:t>場合でも、</w:t>
                      </w:r>
                    </w:p>
                  </w:txbxContent>
                </v:textbox>
              </v:shape>
            </w:pict>
          </mc:Fallback>
        </mc:AlternateContent>
      </w:r>
    </w:p>
    <w:p w:rsidR="00EF41EE" w:rsidRDefault="00EF41EE">
      <w:pPr>
        <w:widowControl/>
        <w:jc w:val="left"/>
      </w:pPr>
    </w:p>
    <w:p w:rsidR="00044C86" w:rsidRDefault="00BA54F4">
      <w:r>
        <w:rPr>
          <w:noProof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3CDA3107" wp14:editId="1997BAE1">
                <wp:simplePos x="0" y="0"/>
                <wp:positionH relativeFrom="column">
                  <wp:posOffset>4581830</wp:posOffset>
                </wp:positionH>
                <wp:positionV relativeFrom="paragraph">
                  <wp:posOffset>-580161</wp:posOffset>
                </wp:positionV>
                <wp:extent cx="1596060" cy="2091944"/>
                <wp:effectExtent l="0" t="0" r="0" b="3810"/>
                <wp:wrapNone/>
                <wp:docPr id="65" name="正方形/長方形 6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96060" cy="209194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F92D1E" w:rsidRDefault="00F92D1E" w:rsidP="00F92D1E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CDA3107" id="正方形/長方形 65" o:spid="_x0000_s1045" style="position:absolute;left:0;text-align:left;margin-left:360.75pt;margin-top:-45.7pt;width:125.65pt;height:164.7pt;z-index:2516746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" filled="f" stroked="f" strokeweight="1pt">
                <v:textbox>
                  <w:txbxContent>
                    <w:p w:rsidR="00F92D1E" w:rsidRDefault="00F92D1E" w:rsidP="00F92D1E">
                      <w:pPr>
                        <w:jc w:val="center"/>
                      </w:pPr>
                    </w:p>
                  </w:txbxContent>
                </v:textbox>
              </v:rect>
            </w:pict>
          </mc:Fallback>
        </mc:AlternateContent>
      </w:r>
    </w:p>
    <w:p w:rsidR="002A393C" w:rsidRDefault="008D0DFC">
      <w:r>
        <w:rPr>
          <w:noProof/>
        </w:rPr>
        <mc:AlternateContent>
          <mc:Choice Requires="wps">
            <w:drawing>
              <wp:anchor distT="0" distB="0" distL="114300" distR="114300" simplePos="0" relativeHeight="251648512" behindDoc="1" locked="0" layoutInCell="1" allowOverlap="1" wp14:anchorId="3291E298" wp14:editId="21AEAC13">
                <wp:simplePos x="0" y="0"/>
                <wp:positionH relativeFrom="column">
                  <wp:posOffset>-970408</wp:posOffset>
                </wp:positionH>
                <wp:positionV relativeFrom="paragraph">
                  <wp:posOffset>237312</wp:posOffset>
                </wp:positionV>
                <wp:extent cx="7351065" cy="9105214"/>
                <wp:effectExtent l="0" t="0" r="21590" b="20320"/>
                <wp:wrapNone/>
                <wp:docPr id="3" name="正方形/長方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351065" cy="9105214"/>
                        </a:xfrm>
                        <a:prstGeom prst="rect">
                          <a:avLst/>
                        </a:prstGeom>
                        <a:solidFill>
                          <a:schemeClr val="accent6">
                            <a:lumMod val="40000"/>
                            <a:lumOff val="60000"/>
                          </a:scheme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D617646" id="正方形/長方形 3" o:spid="_x0000_s1026" style="position:absolute;left:0;text-align:left;margin-left:-76.4pt;margin-top:18.7pt;width:578.8pt;height:716.95pt;z-index:-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" fillcolor="#c5e0b3 [1305]" strokecolor="#1f4d78 [1604]" strokeweight="1pt"/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49536" behindDoc="0" locked="0" layoutInCell="1" allowOverlap="1" wp14:anchorId="20D9F0F4" wp14:editId="63FD74B7">
                <wp:simplePos x="0" y="0"/>
                <wp:positionH relativeFrom="column">
                  <wp:posOffset>-499110</wp:posOffset>
                </wp:positionH>
                <wp:positionV relativeFrom="paragraph">
                  <wp:posOffset>311150</wp:posOffset>
                </wp:positionV>
                <wp:extent cx="4467225" cy="675005"/>
                <wp:effectExtent l="19050" t="95250" r="28575" b="10795"/>
                <wp:wrapNone/>
                <wp:docPr id="16" name="横巻き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467225" cy="675005"/>
                        </a:xfrm>
                        <a:prstGeom prst="horizontalScroll">
                          <a:avLst>
                            <a:gd name="adj" fmla="val 15475"/>
                          </a:avLst>
                        </a:prstGeom>
                        <a:solidFill>
                          <a:srgbClr val="33CC33"/>
                        </a:solidFill>
                        <a:ln w="28575">
                          <a:solidFill>
                            <a:srgbClr val="6633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06E9CC5" id="横巻き 16" o:spid="_x0000_s1026" type="#_x0000_t98" style="position:absolute;left:0;text-align:left;margin-left:-39.3pt;margin-top:24.5pt;width:351.75pt;height:53.15pt;z-index:2516495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" adj="3343" fillcolor="#3c3" strokecolor="#630" strokeweight="2.25pt">
                <v:stroke joinstyle="miter"/>
              </v:shape>
            </w:pict>
          </mc:Fallback>
        </mc:AlternateContent>
      </w:r>
    </w:p>
    <w:p w:rsidR="00044C86" w:rsidRDefault="00EB1C3A">
      <w:r>
        <w:rPr>
          <w:noProof/>
        </w:rPr>
        <mc:AlternateContent>
          <mc:Choice Requires="wps">
            <w:drawing>
              <wp:anchor distT="0" distB="0" distL="114300" distR="114300" simplePos="0" relativeHeight="251688960" behindDoc="0" locked="0" layoutInCell="1" allowOverlap="1" wp14:anchorId="2C977859" wp14:editId="49F0C699">
                <wp:simplePos x="0" y="0"/>
                <wp:positionH relativeFrom="column">
                  <wp:posOffset>-327660</wp:posOffset>
                </wp:positionH>
                <wp:positionV relativeFrom="paragraph">
                  <wp:posOffset>225425</wp:posOffset>
                </wp:positionV>
                <wp:extent cx="5314950" cy="962025"/>
                <wp:effectExtent l="0" t="0" r="361950" b="28575"/>
                <wp:wrapNone/>
                <wp:docPr id="73" name="四角形吹き出し 7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314950" cy="962025"/>
                        </a:xfrm>
                        <a:prstGeom prst="wedgeRectCallout">
                          <a:avLst>
                            <a:gd name="adj1" fmla="val 55887"/>
                            <a:gd name="adj2" fmla="val 7903"/>
                          </a:avLst>
                        </a:prstGeom>
                        <a:solidFill>
                          <a:srgbClr val="FFFF99"/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EF41EE" w:rsidRDefault="00EF41EE" w:rsidP="00EF41EE">
                            <w:pPr>
                              <w:spacing w:line="320" w:lineRule="exac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契約書（法定書面）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を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受け取った日から数えて８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日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以内であれば、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クーリング・オフが</w:t>
                            </w:r>
                            <w:r w:rsidRPr="00FB32AC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できます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。</w:t>
                            </w:r>
                          </w:p>
                          <w:p w:rsidR="00EF41EE" w:rsidRDefault="00EF41EE" w:rsidP="00EF41EE">
                            <w:pPr>
                              <w:spacing w:line="320" w:lineRule="exac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また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、クーリング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・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オフ期間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過ぎていても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解約料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を支払うことにより中途解約ができます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。</w:t>
                            </w:r>
                          </w:p>
                          <w:p w:rsidR="00EF41EE" w:rsidRDefault="00EF41EE" w:rsidP="00EF41EE">
                            <w:pPr>
                              <w:spacing w:line="320" w:lineRule="exac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事業者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解約に応じないなど困ったことがあれば、すぐ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お住まい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市町村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消費生活相談窓口にご相談ください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C977859" id="_x0000_t61" coordsize="21600,21600" o:spt="61" adj="1350,25920" path="m,l0@8@12@24,0@9,,21600@6,21600@15@27@7,21600,21600,21600,21600@9@18@30,21600@8,21600,0@7,0@21@33@6,xe">
                <v:stroke joinstyle="miter"/>
                <v:formulas>
                  <v:f eqn="sum 10800 0 #0"/>
                  <v:f eqn="sum 10800 0 #1"/>
                  <v:f eqn="sum #0 0 #1"/>
                  <v:f eqn="sum @0 @1 0"/>
                  <v:f eqn="sum 21600 0 #0"/>
                  <v:f eqn="sum 21600 0 #1"/>
                  <v:f eqn="if @0 3600 12600"/>
                  <v:f eqn="if @0 9000 18000"/>
                  <v:f eqn="if @1 3600 12600"/>
                  <v:f eqn="if @1 9000 18000"/>
                  <v:f eqn="if @2 0 #0"/>
                  <v:f eqn="if @3 @10 0"/>
                  <v:f eqn="if #0 0 @11"/>
                  <v:f eqn="if @2 @6 #0"/>
                  <v:f eqn="if @3 @6 @13"/>
                  <v:f eqn="if @5 @6 @14"/>
                  <v:f eqn="if @2 #0 21600"/>
                  <v:f eqn="if @3 21600 @16"/>
                  <v:f eqn="if @4 21600 @17"/>
                  <v:f eqn="if @2 #0 @6"/>
                  <v:f eqn="if @3 @19 @6"/>
                  <v:f eqn="if #1 @6 @20"/>
                  <v:f eqn="if @2 @8 #1"/>
                  <v:f eqn="if @3 @22 @8"/>
                  <v:f eqn="if #0 @8 @23"/>
                  <v:f eqn="if @2 21600 #1"/>
                  <v:f eqn="if @3 21600 @25"/>
                  <v:f eqn="if @5 21600 @26"/>
                  <v:f eqn="if @2 #1 @8"/>
                  <v:f eqn="if @3 @8 @28"/>
                  <v:f eqn="if @4 @8 @29"/>
                  <v:f eqn="if @2 #1 0"/>
                  <v:f eqn="if @3 @31 0"/>
                  <v:f eqn="if #1 0 @32"/>
                  <v:f eqn="val #0"/>
                  <v:f eqn="val #1"/>
                </v:formulas>
                <v:path o:connecttype="custom" o:connectlocs="10800,0;0,10800;10800,21600;21600,10800;@34,@35"/>
                <v:handles>
                  <v:h position="#0,#1"/>
                </v:handles>
              </v:shapetype>
              <v:shape id="四角形吹き出し 73" o:spid="_x0000_s1046" type="#_x0000_t61" style="position:absolute;left:0;text-align:left;margin-left:-25.8pt;margin-top:17.75pt;width:418.5pt;height:75.75pt;z-index:2516889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" adj="22872,12507" fillcolor="#ff9" strokecolor="#1f4d78 [1604]" strokeweight="1pt">
                <v:textbox>
                  <w:txbxContent>
                    <w:p w:rsidR="00EF41EE" w:rsidRDefault="00EF41EE" w:rsidP="00EF41EE">
                      <w:pPr>
                        <w:spacing w:line="320" w:lineRule="exact"/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契約書（法定書面）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を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受け取った日から数えて８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日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以内であれば、</w:t>
                      </w:r>
                      <w:r w:rsidRPr="00FB32AC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クーリング・オフが</w:t>
                      </w:r>
                      <w:r w:rsidRPr="00FB32AC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できます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。</w:t>
                      </w:r>
                    </w:p>
                    <w:p w:rsidR="00EF41EE" w:rsidRDefault="00EF41EE" w:rsidP="00EF41EE">
                      <w:pPr>
                        <w:spacing w:line="320" w:lineRule="exact"/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また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、クーリング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・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オフ期間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過ぎていても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解約料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を支払うことにより中途解約ができます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。</w:t>
                      </w:r>
                    </w:p>
                    <w:p w:rsidR="00EF41EE" w:rsidRDefault="00EF41EE" w:rsidP="00EF41EE">
                      <w:pPr>
                        <w:spacing w:line="320" w:lineRule="exact"/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事業者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解約に応じないなど困ったことがあれば、すぐに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お住まい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の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市町村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消費生活相談窓口にご相談ください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！</w:t>
                      </w:r>
                    </w:p>
                  </w:txbxContent>
                </v:textbox>
              </v:shape>
            </w:pict>
          </mc:Fallback>
        </mc:AlternateContent>
      </w:r>
      <w:r w:rsidR="001A4908">
        <w:rPr>
          <w:noProof/>
        </w:rPr>
        <mc:AlternateContent>
          <mc:Choice Requires="wps">
            <w:drawing>
              <wp:anchor distT="0" distB="0" distL="114300" distR="114300" simplePos="0" relativeHeight="251650560" behindDoc="0" locked="0" layoutInCell="1" allowOverlap="1" wp14:anchorId="0D73738A" wp14:editId="21242D8E">
                <wp:simplePos x="0" y="0"/>
                <wp:positionH relativeFrom="column">
                  <wp:posOffset>15240</wp:posOffset>
                </wp:positionH>
                <wp:positionV relativeFrom="paragraph">
                  <wp:posOffset>214630</wp:posOffset>
                </wp:positionV>
                <wp:extent cx="4667250" cy="923925"/>
                <wp:effectExtent l="0" t="0" r="0" b="1270"/>
                <wp:wrapNone/>
                <wp:docPr id="11" name="テキスト ボックス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667250" cy="9239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94165E" w:rsidRPr="00062C71" w:rsidRDefault="0094165E" w:rsidP="0094165E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覚えておこう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！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 xml:space="preserve">　「クーリング・オフ」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0D73738A" id="テキスト ボックス 11" o:spid="_x0000_s1047" type="#_x0000_t202" style="position:absolute;left:0;text-align:left;margin-left:1.2pt;margin-top:16.9pt;width:367.5pt;height:72.75pt;z-index:251650560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" filled="f" stroked="f">
                <v:textbox style="mso-fit-shape-to-text:t" inset="5.85pt,.7pt,5.85pt,.7pt">
                  <w:txbxContent>
                    <w:p w:rsidR="0094165E" w:rsidRPr="00062C71" w:rsidRDefault="0094165E" w:rsidP="0094165E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覚えておこう</w:t>
                      </w:r>
                      <w:r w:rsidRPr="00062C71"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！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 xml:space="preserve">　「クーリング・オフ」</w:t>
                      </w:r>
                    </w:p>
                  </w:txbxContent>
                </v:textbox>
              </v:shape>
            </w:pict>
          </mc:Fallback>
        </mc:AlternateContent>
      </w:r>
    </w:p>
    <w:p w:rsidR="003B2C87" w:rsidRDefault="003B2C87" w:rsidP="003B2C87"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712512" behindDoc="0" locked="0" layoutInCell="1" allowOverlap="1" wp14:anchorId="590A3C1F" wp14:editId="78B14793">
                <wp:simplePos x="0" y="0"/>
                <wp:positionH relativeFrom="column">
                  <wp:posOffset>-451485</wp:posOffset>
                </wp:positionH>
                <wp:positionV relativeFrom="paragraph">
                  <wp:posOffset>-1101725</wp:posOffset>
                </wp:positionV>
                <wp:extent cx="5353050" cy="675005"/>
                <wp:effectExtent l="19050" t="95250" r="19050" b="10795"/>
                <wp:wrapNone/>
                <wp:docPr id="84" name="横巻き 8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353050" cy="675005"/>
                        </a:xfrm>
                        <a:prstGeom prst="horizontalScroll">
                          <a:avLst>
                            <a:gd name="adj" fmla="val 15475"/>
                          </a:avLst>
                        </a:prstGeom>
                        <a:solidFill>
                          <a:srgbClr val="33CC33"/>
                        </a:solidFill>
                        <a:ln w="28575">
                          <a:solidFill>
                            <a:srgbClr val="6633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2E4F80C" id="横巻き 84" o:spid="_x0000_s1026" type="#_x0000_t98" style="position:absolute;left:0;text-align:left;margin-left:-35.55pt;margin-top:-86.75pt;width:421.5pt;height:53.15pt;z-index:2517125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" adj="3343" fillcolor="#3c3" strokecolor="#630" strokeweight="2.25pt">
                <v:stroke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15584" behindDoc="0" locked="0" layoutInCell="1" allowOverlap="1" wp14:anchorId="4413DC32" wp14:editId="48F34580">
                <wp:simplePos x="0" y="0"/>
                <wp:positionH relativeFrom="column">
                  <wp:posOffset>-321310</wp:posOffset>
                </wp:positionH>
                <wp:positionV relativeFrom="paragraph">
                  <wp:posOffset>-994781</wp:posOffset>
                </wp:positionV>
                <wp:extent cx="5095875" cy="923925"/>
                <wp:effectExtent l="0" t="0" r="0" b="1270"/>
                <wp:wrapNone/>
                <wp:docPr id="85" name="テキスト ボックス 8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095875" cy="92392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3B2C87" w:rsidRPr="00062C71" w:rsidRDefault="003B2C87" w:rsidP="003B2C87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改正消費者契約法が６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月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１５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日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施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され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ます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FFFFFF" w:themeColor="background1"/>
                                <w:sz w:val="36"/>
                                <w:szCs w:val="36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9525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4413DC32" id="テキスト ボックス 85" o:spid="_x0000_s1048" type="#_x0000_t202" style="position:absolute;left:0;text-align:left;margin-left:-25.3pt;margin-top:-78.35pt;width:401.25pt;height:72.75pt;z-index:25171558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" filled="f" stroked="f">
                <v:textbox style="mso-fit-shape-to-text:t" inset="5.85pt,.7pt,5.85pt,.7pt">
                  <w:txbxContent>
                    <w:p w:rsidR="003B2C87" w:rsidRPr="00062C71" w:rsidRDefault="003B2C87" w:rsidP="003B2C87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改正消費者契約法が６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月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１５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日に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施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され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ます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FFFFFF" w:themeColor="background1"/>
                          <w:sz w:val="36"/>
                          <w:szCs w:val="36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9525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！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10464" behindDoc="1" locked="0" layoutInCell="1" allowOverlap="1" wp14:anchorId="37BE2973" wp14:editId="1548F47A">
                <wp:simplePos x="0" y="0"/>
                <wp:positionH relativeFrom="page">
                  <wp:posOffset>93345</wp:posOffset>
                </wp:positionH>
                <wp:positionV relativeFrom="paragraph">
                  <wp:posOffset>-1203325</wp:posOffset>
                </wp:positionV>
                <wp:extent cx="7343775" cy="10591800"/>
                <wp:effectExtent l="0" t="0" r="28575" b="19050"/>
                <wp:wrapNone/>
                <wp:docPr id="86" name="正方形/長方形 8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343775" cy="10591800"/>
                        </a:xfrm>
                        <a:prstGeom prst="rect">
                          <a:avLst/>
                        </a:prstGeom>
                        <a:solidFill>
                          <a:schemeClr val="accent6">
                            <a:lumMod val="40000"/>
                            <a:lumOff val="60000"/>
                          </a:scheme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C3346A2" id="正方形/長方形 86" o:spid="_x0000_s1026" style="position:absolute;left:0;text-align:left;margin-left:7.35pt;margin-top:-94.75pt;width:578.25pt;height:834pt;z-index:-25160601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" fillcolor="#c5e0b3 [1305]" strokecolor="#1f4d78 [1604]" strokeweight="1pt">
                <w10:wrap anchorx="page"/>
              </v:rect>
            </w:pict>
          </mc:Fallback>
        </mc:AlternateContent>
      </w: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703296" behindDoc="0" locked="0" layoutInCell="1" allowOverlap="1" wp14:anchorId="2AD79BAD" wp14:editId="2C7C0DE5">
                <wp:simplePos x="0" y="0"/>
                <wp:positionH relativeFrom="column">
                  <wp:posOffset>-499110</wp:posOffset>
                </wp:positionH>
                <wp:positionV relativeFrom="paragraph">
                  <wp:posOffset>-22225</wp:posOffset>
                </wp:positionV>
                <wp:extent cx="6443980" cy="638175"/>
                <wp:effectExtent l="19050" t="19050" r="13970" b="28575"/>
                <wp:wrapNone/>
                <wp:docPr id="18" name="フローチャート: 処理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638175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Pr="00062C71" w:rsidRDefault="003B2C87" w:rsidP="003B2C87">
                            <w:pPr>
                              <w:ind w:left="260" w:hangingChars="100" w:hanging="260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Ａ. 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消費者と事業者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間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に交渉力などに格差があることから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、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不当な勧誘などから消費者を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守るための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法律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です。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この法律の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一部を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改正する法律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６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月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１５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日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に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施行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されます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AD79BAD" id="フローチャート: 処理 18" o:spid="_x0000_s1049" type="#_x0000_t109" style="position:absolute;left:0;text-align:left;margin-left:-39.3pt;margin-top:-1.75pt;width:507.4pt;height:50.25pt;z-index:2517032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" fillcolor="white [3212]" strokecolor="#069" strokeweight="2.25pt">
                <v:textbox>
                  <w:txbxContent>
                    <w:p w:rsidR="003B2C87" w:rsidRPr="00062C71" w:rsidRDefault="003B2C87" w:rsidP="003B2C87">
                      <w:pPr>
                        <w:ind w:left="260" w:hangingChars="100" w:hanging="260"/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 xml:space="preserve">Ａ. 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消費者と事業者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間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に交渉力などに格差があることから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、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不当な勧誘などから消費者を</w:t>
                      </w: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守るための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法律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です。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この法律の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一部を</w:t>
                      </w: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改正する法律が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６</w:t>
                      </w: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月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１５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日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に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施行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されます。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02272" behindDoc="0" locked="0" layoutInCell="1" allowOverlap="1" wp14:anchorId="2E2DE010" wp14:editId="30F97F6F">
                <wp:simplePos x="0" y="0"/>
                <wp:positionH relativeFrom="column">
                  <wp:posOffset>-499110</wp:posOffset>
                </wp:positionH>
                <wp:positionV relativeFrom="paragraph">
                  <wp:posOffset>-398145</wp:posOffset>
                </wp:positionV>
                <wp:extent cx="6443980" cy="698500"/>
                <wp:effectExtent l="19050" t="19050" r="13970" b="25400"/>
                <wp:wrapNone/>
                <wp:docPr id="17" name="フローチャート: 処理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698500"/>
                        </a:xfrm>
                        <a:prstGeom prst="flowChartProcess">
                          <a:avLst/>
                        </a:prstGeom>
                        <a:solidFill>
                          <a:srgbClr val="006699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Ｑ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.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 xml:space="preserve"> 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消費者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契約法って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なに？</w:t>
                            </w:r>
                          </w:p>
                          <w:p w:rsidR="003B2C87" w:rsidRPr="00062C71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  <w:p w:rsidR="003B2C87" w:rsidRPr="00062C71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E2DE010" id="フローチャート: 処理 17" o:spid="_x0000_s1050" type="#_x0000_t109" style="position:absolute;left:0;text-align:left;margin-left:-39.3pt;margin-top:-31.35pt;width:507.4pt;height:55pt;z-index:2517022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" fillcolor="#069" strokecolor="#069" strokeweight="2.25pt">
                <v:textbox>
                  <w:txbxContent>
                    <w:p w:rsidR="003B2C87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Ｑ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.</w:t>
                      </w:r>
                      <w:r w:rsidRPr="00062C71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 xml:space="preserve"> 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消費者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契約法って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なに？</w:t>
                      </w:r>
                    </w:p>
                    <w:p w:rsidR="003B2C87" w:rsidRPr="00062C71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  <w:p w:rsidR="003B2C87" w:rsidRPr="00062C71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21728" behindDoc="0" locked="0" layoutInCell="1" allowOverlap="1" wp14:anchorId="6E9A92F3" wp14:editId="3B045503">
                <wp:simplePos x="0" y="0"/>
                <wp:positionH relativeFrom="column">
                  <wp:posOffset>4730115</wp:posOffset>
                </wp:positionH>
                <wp:positionV relativeFrom="paragraph">
                  <wp:posOffset>-1241425</wp:posOffset>
                </wp:positionV>
                <wp:extent cx="1685925" cy="1514475"/>
                <wp:effectExtent l="0" t="0" r="0" b="0"/>
                <wp:wrapNone/>
                <wp:docPr id="2" name="円/楕円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685925" cy="1514475"/>
                        </a:xfrm>
                        <a:prstGeom prst="ellipse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Pr="00FB32AC" w:rsidRDefault="003B2C87" w:rsidP="003B2C87">
                            <w:pPr>
                              <w:rPr>
                                <w:color w:val="000000" w:themeColor="text1"/>
                              </w:rPr>
                            </w:pPr>
                            <w:r>
                              <w:rPr>
                                <w:rFonts w:hint="eastAsia"/>
                                <w:noProof/>
                                <w:color w:val="000000" w:themeColor="text1"/>
                              </w:rPr>
                              <w:drawing>
                                <wp:inline distT="0" distB="0" distL="0" distR="0" wp14:anchorId="77F99A90" wp14:editId="3DAB7FFF">
                                  <wp:extent cx="1019175" cy="1011757"/>
                                  <wp:effectExtent l="0" t="0" r="0" b="0"/>
                                  <wp:docPr id="87" name="図 87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37" name="book_hirameki_keihatsu_man.png"/>
                                          <pic:cNvPicPr/>
                                        </pic:nvPicPr>
                                        <pic:blipFill>
                                          <a:blip r:embed="rId14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1045892" cy="1038279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E9A92F3" id="円/楕円 2" o:spid="_x0000_s1051" style="position:absolute;left:0;text-align:left;margin-left:372.45pt;margin-top:-97.75pt;width:132.75pt;height:119.25pt;z-index:2517217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" filled="f" stroked="f" strokeweight="1pt">
                <v:stroke joinstyle="miter"/>
                <v:textbox>
                  <w:txbxContent>
                    <w:p w:rsidR="003B2C87" w:rsidRPr="00FB32AC" w:rsidRDefault="003B2C87" w:rsidP="003B2C87">
                      <w:pPr>
                        <w:rPr>
                          <w:color w:val="000000" w:themeColor="text1"/>
                        </w:rPr>
                      </w:pPr>
                      <w:r>
                        <w:rPr>
                          <w:rFonts w:hint="eastAsia"/>
                          <w:noProof/>
                          <w:color w:val="000000" w:themeColor="text1"/>
                        </w:rPr>
                        <w:drawing>
                          <wp:inline distT="0" distB="0" distL="0" distR="0" wp14:anchorId="77F99A90" wp14:editId="3DAB7FFF">
                            <wp:extent cx="1019175" cy="1011757"/>
                            <wp:effectExtent l="0" t="0" r="0" b="0"/>
                            <wp:docPr id="87" name="図 87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37" name="book_hirameki_keihatsu_man.png"/>
                                    <pic:cNvPicPr/>
                                  </pic:nvPicPr>
                                  <pic:blipFill>
                                    <a:blip r:embed="rId15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1045892" cy="1038279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oval>
            </w:pict>
          </mc:Fallback>
        </mc:AlternateContent>
      </w:r>
    </w:p>
    <w:p w:rsidR="003B2C87" w:rsidRDefault="003B2C87" w:rsidP="003B2C87"/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04320" behindDoc="0" locked="0" layoutInCell="1" allowOverlap="1" wp14:anchorId="303E1AC0" wp14:editId="5994F63D">
                <wp:simplePos x="0" y="0"/>
                <wp:positionH relativeFrom="column">
                  <wp:posOffset>-499110</wp:posOffset>
                </wp:positionH>
                <wp:positionV relativeFrom="paragraph">
                  <wp:posOffset>244475</wp:posOffset>
                </wp:positionV>
                <wp:extent cx="6443980" cy="609600"/>
                <wp:effectExtent l="19050" t="19050" r="13970" b="19050"/>
                <wp:wrapNone/>
                <wp:docPr id="19" name="フローチャート: 処理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609600"/>
                        </a:xfrm>
                        <a:prstGeom prst="flowChartProcess">
                          <a:avLst/>
                        </a:prstGeom>
                        <a:solidFill>
                          <a:srgbClr val="006699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Ｑ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.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 xml:space="preserve"> 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なにが改正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される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？</w:t>
                            </w:r>
                          </w:p>
                          <w:p w:rsidR="003B2C87" w:rsidRPr="007A6734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  <w:p w:rsidR="003B2C87" w:rsidRPr="007A6734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03E1AC0" id="フローチャート: 処理 19" o:spid="_x0000_s1052" type="#_x0000_t109" style="position:absolute;left:0;text-align:left;margin-left:-39.3pt;margin-top:19.25pt;width:507.4pt;height:48pt;z-index:2517043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" fillcolor="#069" strokecolor="#069" strokeweight="2.25pt">
                <v:textbox>
                  <w:txbxContent>
                    <w:p w:rsidR="003B2C87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Ｑ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.</w:t>
                      </w: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 xml:space="preserve"> 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なにが改正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されるの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？</w:t>
                      </w:r>
                    </w:p>
                    <w:p w:rsidR="003B2C87" w:rsidRPr="007A6734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  <w:p w:rsidR="003B2C87" w:rsidRPr="007A6734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3B2C87" w:rsidRDefault="003B2C87" w:rsidP="003B2C87"/>
    <w:p w:rsidR="003B2C87" w:rsidRDefault="003B2C87" w:rsidP="003B2C87"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705344" behindDoc="0" locked="0" layoutInCell="1" allowOverlap="1" wp14:anchorId="42B76EBB" wp14:editId="121FDD58">
                <wp:simplePos x="0" y="0"/>
                <wp:positionH relativeFrom="column">
                  <wp:posOffset>-499110</wp:posOffset>
                </wp:positionH>
                <wp:positionV relativeFrom="paragraph">
                  <wp:posOffset>187325</wp:posOffset>
                </wp:positionV>
                <wp:extent cx="6443980" cy="619125"/>
                <wp:effectExtent l="19050" t="19050" r="13970" b="28575"/>
                <wp:wrapNone/>
                <wp:docPr id="20" name="フローチャート: 処理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619125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8A0ACC" w:rsidRDefault="003B2C87" w:rsidP="003B2C87">
                            <w:pPr>
                              <w:spacing w:line="400" w:lineRule="exact"/>
                              <w:ind w:left="260" w:hangingChars="100" w:hanging="26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Ａ. 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社会生活上の経験不足や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加齢等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よる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判断力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低下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を不当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利用した契約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など、</w:t>
                            </w:r>
                          </w:p>
                          <w:p w:rsidR="003B2C87" w:rsidRPr="007A6734" w:rsidRDefault="003B2C87" w:rsidP="008A0ACC">
                            <w:pPr>
                              <w:spacing w:line="400" w:lineRule="exact"/>
                              <w:ind w:leftChars="100" w:left="210" w:firstLineChars="50" w:firstLine="13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取消し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の範囲が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拡大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します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。</w:t>
                            </w:r>
                          </w:p>
                          <w:p w:rsidR="003B2C87" w:rsidRPr="007A6734" w:rsidRDefault="003B2C87" w:rsidP="003B2C87">
                            <w:pPr>
                              <w:spacing w:line="400" w:lineRule="exact"/>
                              <w:ind w:left="260" w:hangingChars="100" w:hanging="26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</w:p>
                          <w:p w:rsidR="003B2C87" w:rsidRPr="007A6734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2B76EBB" id="フローチャート: 処理 20" o:spid="_x0000_s1053" type="#_x0000_t109" style="position:absolute;left:0;text-align:left;margin-left:-39.3pt;margin-top:14.75pt;width:507.4pt;height:48.75pt;z-index:2517053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" fillcolor="white [3212]" strokecolor="#069" strokeweight="2.25pt">
                <v:textbox>
                  <w:txbxContent>
                    <w:p w:rsidR="008A0ACC" w:rsidRDefault="003B2C87" w:rsidP="003B2C87">
                      <w:pPr>
                        <w:spacing w:line="400" w:lineRule="exact"/>
                        <w:ind w:left="260" w:hangingChars="100" w:hanging="26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 xml:space="preserve">Ａ. 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社会生活上の経験不足や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加齢等に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よる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判断力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低下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を不当に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利用した契約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など、</w:t>
                      </w:r>
                    </w:p>
                    <w:p w:rsidR="003B2C87" w:rsidRPr="007A6734" w:rsidRDefault="003B2C87" w:rsidP="008A0ACC">
                      <w:pPr>
                        <w:spacing w:line="400" w:lineRule="exact"/>
                        <w:ind w:leftChars="100" w:left="210" w:firstLineChars="50" w:firstLine="13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取消し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の範囲が</w:t>
                      </w: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拡大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します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。</w:t>
                      </w:r>
                    </w:p>
                    <w:p w:rsidR="003B2C87" w:rsidRPr="007A6734" w:rsidRDefault="003B2C87" w:rsidP="003B2C87">
                      <w:pPr>
                        <w:spacing w:line="400" w:lineRule="exact"/>
                        <w:ind w:left="260" w:hangingChars="100" w:hanging="26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</w:p>
                    <w:p w:rsidR="003B2C87" w:rsidRPr="007A6734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3B2C87" w:rsidRDefault="003B2C87" w:rsidP="003B2C87"/>
    <w:p w:rsidR="003B2C87" w:rsidRDefault="003B2C87" w:rsidP="003B2C87"/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09440" behindDoc="0" locked="0" layoutInCell="1" allowOverlap="1" wp14:anchorId="6B7B318A" wp14:editId="70285A4A">
                <wp:simplePos x="0" y="0"/>
                <wp:positionH relativeFrom="column">
                  <wp:posOffset>-499110</wp:posOffset>
                </wp:positionH>
                <wp:positionV relativeFrom="paragraph">
                  <wp:posOffset>196850</wp:posOffset>
                </wp:positionV>
                <wp:extent cx="6443980" cy="371475"/>
                <wp:effectExtent l="19050" t="19050" r="13970" b="28575"/>
                <wp:wrapNone/>
                <wp:docPr id="21" name="フローチャート: 処理 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371475"/>
                        </a:xfrm>
                        <a:prstGeom prst="flowChartProcess">
                          <a:avLst/>
                        </a:prstGeom>
                        <a:solidFill>
                          <a:srgbClr val="006699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Ｑ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.</w:t>
                            </w:r>
                            <w:r w:rsidRPr="007A6734"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 xml:space="preserve"> 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sz w:val="26"/>
                                <w:szCs w:val="26"/>
                              </w:rPr>
                              <w:t>改正によって取消す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  <w:t>ことができる契約は？</w:t>
                            </w:r>
                          </w:p>
                          <w:p w:rsidR="003B2C87" w:rsidRPr="007A6734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  <w:p w:rsidR="003B2C87" w:rsidRPr="007A6734" w:rsidRDefault="003B2C87" w:rsidP="003B2C87">
                            <w:pPr>
                              <w:rPr>
                                <w:rFonts w:ascii="HGP創英角ｺﾞｼｯｸUB" w:eastAsia="HGP創英角ｺﾞｼｯｸUB" w:hAnsi="HGP創英角ｺﾞｼｯｸUB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B7B318A" id="フローチャート: 処理 21" o:spid="_x0000_s1054" type="#_x0000_t109" style="position:absolute;left:0;text-align:left;margin-left:-39.3pt;margin-top:15.5pt;width:507.4pt;height:29.25pt;z-index:2517094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" fillcolor="#069" strokecolor="#069" strokeweight="2.25pt">
                <v:textbox>
                  <w:txbxContent>
                    <w:p w:rsidR="003B2C87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Ｑ</w:t>
                      </w:r>
                      <w:r w:rsidRPr="007A6734"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.</w:t>
                      </w:r>
                      <w:r w:rsidRPr="007A6734"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 xml:space="preserve"> 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sz w:val="26"/>
                          <w:szCs w:val="26"/>
                        </w:rPr>
                        <w:t>改正によって取消す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  <w:t>ことができる契約は？</w:t>
                      </w:r>
                    </w:p>
                    <w:p w:rsidR="003B2C87" w:rsidRPr="007A6734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  <w:p w:rsidR="003B2C87" w:rsidRPr="007A6734" w:rsidRDefault="003B2C87" w:rsidP="003B2C87">
                      <w:pPr>
                        <w:rPr>
                          <w:rFonts w:ascii="HGP創英角ｺﾞｼｯｸUB" w:eastAsia="HGP創英角ｺﾞｼｯｸUB" w:hAnsi="HGP創英角ｺﾞｼｯｸUB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3B2C87" w:rsidRDefault="003B2C87" w:rsidP="003B2C87"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706368" behindDoc="0" locked="0" layoutInCell="1" allowOverlap="1" wp14:anchorId="571CBD18" wp14:editId="048F376F">
                <wp:simplePos x="0" y="0"/>
                <wp:positionH relativeFrom="column">
                  <wp:posOffset>-497840</wp:posOffset>
                </wp:positionH>
                <wp:positionV relativeFrom="paragraph">
                  <wp:posOffset>281305</wp:posOffset>
                </wp:positionV>
                <wp:extent cx="6443980" cy="1478280"/>
                <wp:effectExtent l="19050" t="19050" r="13970" b="26670"/>
                <wp:wrapNone/>
                <wp:docPr id="22" name="フローチャート: 処理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1478280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 w="28575">
                          <a:solidFill>
                            <a:srgbClr val="006699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Pr="00062C71" w:rsidRDefault="003B2C87" w:rsidP="003B2C87">
                            <w:pPr>
                              <w:spacing w:line="400" w:lineRule="exac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Ａ.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 </w:t>
                            </w: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①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不安をあおる告知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（就職セミナー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商法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等）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による契約</w:t>
                            </w:r>
                          </w:p>
                          <w:p w:rsidR="003B2C87" w:rsidRPr="00062C71" w:rsidRDefault="003B2C87" w:rsidP="003B2C87">
                            <w:pPr>
                              <w:spacing w:line="400" w:lineRule="exact"/>
                              <w:ind w:firstLineChars="150" w:firstLine="39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②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加齢等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よる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判断力の低下の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不当な利用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による契約</w:t>
                            </w:r>
                          </w:p>
                          <w:p w:rsidR="003B2C87" w:rsidRDefault="003B2C87" w:rsidP="003B2C87">
                            <w:pPr>
                              <w:spacing w:line="400" w:lineRule="exact"/>
                              <w:ind w:firstLineChars="150" w:firstLine="39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 w:rsidRPr="00062C71"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③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契約締結前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に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債務の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内容を実施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等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による契約</w:t>
                            </w:r>
                          </w:p>
                          <w:p w:rsidR="003B2C87" w:rsidRDefault="003B2C87" w:rsidP="003B2C87">
                            <w:pPr>
                              <w:spacing w:line="400" w:lineRule="exact"/>
                              <w:ind w:firstLineChars="150" w:firstLine="390"/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④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恋愛感情等に乗じた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人間関係の濫用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（デート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商法等）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による契約</w:t>
                            </w:r>
                          </w:p>
                          <w:p w:rsidR="003B2C87" w:rsidRPr="00062C71" w:rsidRDefault="003B2C87" w:rsidP="003B2C87">
                            <w:pPr>
                              <w:spacing w:line="400" w:lineRule="exact"/>
                              <w:ind w:firstLineChars="150" w:firstLine="390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⑤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 w:hint="eastAsia"/>
                                <w:color w:val="C00000"/>
                                <w:sz w:val="26"/>
                                <w:szCs w:val="26"/>
                              </w:rPr>
                              <w:t>霊感等に</w:t>
                            </w:r>
                            <w:r w:rsidRPr="00F51353">
                              <w:rPr>
                                <w:rFonts w:ascii="HGP創英角ｺﾞｼｯｸUB" w:eastAsia="HGP創英角ｺﾞｼｯｸUB" w:hAnsi="HGP創英角ｺﾞｼｯｸUB"/>
                                <w:color w:val="C00000"/>
                                <w:sz w:val="26"/>
                                <w:szCs w:val="26"/>
                              </w:rPr>
                              <w:t>よる知見を用いた告知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（霊感商法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等）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による契約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71CBD18" id="フローチャート: 処理 22" o:spid="_x0000_s1055" type="#_x0000_t109" style="position:absolute;left:0;text-align:left;margin-left:-39.2pt;margin-top:22.15pt;width:507.4pt;height:116.4pt;z-index:251706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" fillcolor="white [3212]" strokecolor="#069" strokeweight="2.25pt">
                <v:textbox>
                  <w:txbxContent>
                    <w:p w:rsidR="003B2C87" w:rsidRPr="00062C71" w:rsidRDefault="003B2C87" w:rsidP="003B2C87">
                      <w:pPr>
                        <w:spacing w:line="400" w:lineRule="exac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Ａ.</w:t>
                      </w:r>
                      <w:r w:rsidRPr="00062C71"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 xml:space="preserve"> </w:t>
                      </w: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①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不安をあおる告知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（就職セミナー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商法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等）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 xml:space="preserve">　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による契約</w:t>
                      </w:r>
                    </w:p>
                    <w:p w:rsidR="003B2C87" w:rsidRPr="00062C71" w:rsidRDefault="003B2C87" w:rsidP="003B2C87">
                      <w:pPr>
                        <w:spacing w:line="400" w:lineRule="exact"/>
                        <w:ind w:firstLineChars="150" w:firstLine="39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②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加齢等に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よる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判断力の低下の</w:t>
                      </w: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不当な利用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による契約</w:t>
                      </w:r>
                    </w:p>
                    <w:p w:rsidR="003B2C87" w:rsidRDefault="003B2C87" w:rsidP="003B2C87">
                      <w:pPr>
                        <w:spacing w:line="400" w:lineRule="exact"/>
                        <w:ind w:firstLineChars="150" w:firstLine="39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 w:rsidRPr="00062C71"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③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契約締結前</w:t>
                      </w: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に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債務の</w:t>
                      </w: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内容を実施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等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による契約</w:t>
                      </w:r>
                    </w:p>
                    <w:p w:rsidR="003B2C87" w:rsidRDefault="003B2C87" w:rsidP="003B2C87">
                      <w:pPr>
                        <w:spacing w:line="400" w:lineRule="exact"/>
                        <w:ind w:firstLineChars="150" w:firstLine="390"/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④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恋愛感情等に乗じた</w:t>
                      </w: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人間関係の濫用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（デート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商法等）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による契約</w:t>
                      </w:r>
                    </w:p>
                    <w:p w:rsidR="003B2C87" w:rsidRPr="00062C71" w:rsidRDefault="003B2C87" w:rsidP="003B2C87">
                      <w:pPr>
                        <w:spacing w:line="400" w:lineRule="exact"/>
                        <w:ind w:firstLineChars="150" w:firstLine="390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⑤</w:t>
                      </w:r>
                      <w:r w:rsidRPr="00F51353">
                        <w:rPr>
                          <w:rFonts w:ascii="HGP創英角ｺﾞｼｯｸUB" w:eastAsia="HGP創英角ｺﾞｼｯｸUB" w:hAnsi="HGP創英角ｺﾞｼｯｸUB" w:hint="eastAsia"/>
                          <w:color w:val="C00000"/>
                          <w:sz w:val="26"/>
                          <w:szCs w:val="26"/>
                        </w:rPr>
                        <w:t>霊感等に</w:t>
                      </w:r>
                      <w:r w:rsidRPr="00F51353">
                        <w:rPr>
                          <w:rFonts w:ascii="HGP創英角ｺﾞｼｯｸUB" w:eastAsia="HGP創英角ｺﾞｼｯｸUB" w:hAnsi="HGP創英角ｺﾞｼｯｸUB"/>
                          <w:color w:val="C00000"/>
                          <w:sz w:val="26"/>
                          <w:szCs w:val="26"/>
                        </w:rPr>
                        <w:t>よる知見を用いた告知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（霊感商法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等）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による契約</w:t>
                      </w:r>
                    </w:p>
                  </w:txbxContent>
                </v:textbox>
              </v:shape>
            </w:pict>
          </mc:Fallback>
        </mc:AlternateContent>
      </w:r>
    </w:p>
    <w:p w:rsidR="003B2C87" w:rsidRDefault="003B2C87" w:rsidP="003B2C87"/>
    <w:p w:rsidR="003B2C87" w:rsidRDefault="003B2C87" w:rsidP="003B2C87"/>
    <w:p w:rsidR="003B2C87" w:rsidRDefault="003B2C87" w:rsidP="003B2C87"/>
    <w:p w:rsidR="003B2C87" w:rsidRDefault="003B2C87" w:rsidP="003B2C87"/>
    <w:p w:rsidR="003B2C87" w:rsidRDefault="003B2C87" w:rsidP="003B2C87"/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23776" behindDoc="0" locked="0" layoutInCell="1" allowOverlap="1" wp14:anchorId="054E5E84" wp14:editId="2A8CA27B">
                <wp:simplePos x="0" y="0"/>
                <wp:positionH relativeFrom="column">
                  <wp:posOffset>-988060</wp:posOffset>
                </wp:positionH>
                <wp:positionV relativeFrom="paragraph">
                  <wp:posOffset>378270</wp:posOffset>
                </wp:positionV>
                <wp:extent cx="1581785" cy="692150"/>
                <wp:effectExtent l="38100" t="19050" r="18415" b="31750"/>
                <wp:wrapNone/>
                <wp:docPr id="26" name="爆発 2 2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81785" cy="692150"/>
                        </a:xfrm>
                        <a:prstGeom prst="irregularSeal2">
                          <a:avLst/>
                        </a:prstGeom>
                        <a:solidFill>
                          <a:srgbClr val="FFFF00"/>
                        </a:solidFill>
                        <a:ln>
                          <a:solidFill>
                            <a:srgbClr val="FFFF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CE7ECD0" id="爆発 2 26" o:spid="_x0000_s1026" type="#_x0000_t72" style="position:absolute;left:0;text-align:left;margin-left:-77.8pt;margin-top:29.8pt;width:124.55pt;height:54.5pt;z-index:2517237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" fillcolor="yellow" strokecolor="yellow" strokeweight="1pt"/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19680" behindDoc="0" locked="0" layoutInCell="1" allowOverlap="1" wp14:anchorId="704208D2" wp14:editId="30594CB6">
                <wp:simplePos x="0" y="0"/>
                <wp:positionH relativeFrom="column">
                  <wp:posOffset>485585</wp:posOffset>
                </wp:positionH>
                <wp:positionV relativeFrom="paragraph">
                  <wp:posOffset>14605</wp:posOffset>
                </wp:positionV>
                <wp:extent cx="1876425" cy="1619250"/>
                <wp:effectExtent l="0" t="0" r="0" b="0"/>
                <wp:wrapNone/>
                <wp:docPr id="10" name="円/楕円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76425" cy="1619250"/>
                        </a:xfrm>
                        <a:prstGeom prst="ellipse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Pr="008D0DFC" w:rsidRDefault="003B2C87" w:rsidP="003B2C87">
                            <w:pPr>
                              <w:rPr>
                                <w:color w:val="000000" w:themeColor="text1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hint="eastAsia"/>
                                <w:noProof/>
                                <w:color w:val="000000" w:themeColor="text1"/>
                                <w:sz w:val="16"/>
                                <w:szCs w:val="16"/>
                              </w:rPr>
                              <w:drawing>
                                <wp:inline distT="0" distB="0" distL="0" distR="0" wp14:anchorId="16ED2C35" wp14:editId="23C5BA5B">
                                  <wp:extent cx="889134" cy="990600"/>
                                  <wp:effectExtent l="0" t="0" r="0" b="0"/>
                                  <wp:docPr id="30" name="図 30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30" name="komatta_man2.png"/>
                                          <pic:cNvPicPr/>
                                        </pic:nvPicPr>
                                        <pic:blipFill>
                                          <a:blip r:embed="rId16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895583" cy="997785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04208D2" id="円/楕円 10" o:spid="_x0000_s1056" style="position:absolute;left:0;text-align:left;margin-left:38.25pt;margin-top:1.15pt;width:147.75pt;height:127.5pt;z-index:251719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" filled="f" stroked="f" strokeweight="1pt">
                <v:stroke joinstyle="miter"/>
                <v:textbox>
                  <w:txbxContent>
                    <w:p w:rsidR="003B2C87" w:rsidRPr="008D0DFC" w:rsidRDefault="003B2C87" w:rsidP="003B2C87">
                      <w:pPr>
                        <w:rPr>
                          <w:color w:val="000000" w:themeColor="text1"/>
                          <w:sz w:val="16"/>
                          <w:szCs w:val="16"/>
                        </w:rPr>
                      </w:pPr>
                      <w:r>
                        <w:rPr>
                          <w:rFonts w:hint="eastAsia"/>
                          <w:noProof/>
                          <w:color w:val="000000" w:themeColor="text1"/>
                          <w:sz w:val="16"/>
                          <w:szCs w:val="16"/>
                        </w:rPr>
                        <w:drawing>
                          <wp:inline distT="0" distB="0" distL="0" distR="0" wp14:anchorId="16ED2C35" wp14:editId="23C5BA5B">
                            <wp:extent cx="889134" cy="990600"/>
                            <wp:effectExtent l="0" t="0" r="0" b="0"/>
                            <wp:docPr id="30" name="図 30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30" name="komatta_man2.png"/>
                                    <pic:cNvPicPr/>
                                  </pic:nvPicPr>
                                  <pic:blipFill>
                                    <a:blip r:embed="rId17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895583" cy="997785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oval>
            </w:pict>
          </mc:Fallback>
        </mc:AlternateContent>
      </w:r>
    </w:p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24800" behindDoc="0" locked="0" layoutInCell="1" allowOverlap="1" wp14:anchorId="6CE0B5A9" wp14:editId="03A6028B">
                <wp:simplePos x="0" y="0"/>
                <wp:positionH relativeFrom="column">
                  <wp:posOffset>-1054735</wp:posOffset>
                </wp:positionH>
                <wp:positionV relativeFrom="paragraph">
                  <wp:posOffset>258255</wp:posOffset>
                </wp:positionV>
                <wp:extent cx="1577340" cy="523240"/>
                <wp:effectExtent l="0" t="76200" r="3810" b="67310"/>
                <wp:wrapNone/>
                <wp:docPr id="13" name="テキスト ボックス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1313211">
                          <a:off x="0" y="0"/>
                          <a:ext cx="1577340" cy="52324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3B2C87" w:rsidRDefault="003B2C87" w:rsidP="003B2C87">
                            <w:pPr>
                              <w:spacing w:line="360" w:lineRule="exact"/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新聞購読契約の</w:t>
                            </w:r>
                          </w:p>
                          <w:p w:rsidR="003B2C87" w:rsidRPr="00A543AF" w:rsidRDefault="003B2C87" w:rsidP="003B2C87">
                            <w:pPr>
                              <w:spacing w:line="360" w:lineRule="exact"/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A543AF"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トラブル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に注意!!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6CE0B5A9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13" o:spid="_x0000_s1057" type="#_x0000_t202" style="position:absolute;left:0;text-align:left;margin-left:-83.05pt;margin-top:20.35pt;width:124.2pt;height:41.2pt;rotation:-313250fd;z-index:251724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" filled="f" stroked="f">
                <v:textbox inset="5.85pt,.7pt,5.85pt,.7pt">
                  <w:txbxContent>
                    <w:p w:rsidR="003B2C87" w:rsidRDefault="003B2C87" w:rsidP="003B2C87">
                      <w:pPr>
                        <w:spacing w:line="360" w:lineRule="exact"/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新聞購読契約の</w:t>
                      </w:r>
                    </w:p>
                    <w:p w:rsidR="003B2C87" w:rsidRPr="00A543AF" w:rsidRDefault="003B2C87" w:rsidP="003B2C87">
                      <w:pPr>
                        <w:spacing w:line="360" w:lineRule="exact"/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A543AF"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トラブル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に注意!!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07392" behindDoc="0" locked="0" layoutInCell="1" allowOverlap="1" wp14:anchorId="12BC4293" wp14:editId="5B52BE18">
                <wp:simplePos x="0" y="0"/>
                <wp:positionH relativeFrom="column">
                  <wp:posOffset>-826135</wp:posOffset>
                </wp:positionH>
                <wp:positionV relativeFrom="paragraph">
                  <wp:posOffset>231775</wp:posOffset>
                </wp:positionV>
                <wp:extent cx="6943725" cy="2339975"/>
                <wp:effectExtent l="19050" t="19050" r="28575" b="22225"/>
                <wp:wrapNone/>
                <wp:docPr id="23" name="フローチャート: 処理 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943725" cy="2339975"/>
                        </a:xfrm>
                        <a:prstGeom prst="flowChartProcess">
                          <a:avLst/>
                        </a:prstGeom>
                        <a:solidFill>
                          <a:schemeClr val="bg1"/>
                        </a:solidFill>
                        <a:ln w="38100">
                          <a:solidFill>
                            <a:srgbClr val="FFCC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  <w:p w:rsidR="003B2C87" w:rsidRDefault="003B2C87" w:rsidP="003B2C87">
                            <w:pPr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2BC4293" id="フローチャート: 処理 23" o:spid="_x0000_s1058" type="#_x0000_t109" style="position:absolute;left:0;text-align:left;margin-left:-65.05pt;margin-top:18.25pt;width:546.75pt;height:184.25pt;z-index:2517073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" fillcolor="white [3212]" strokecolor="#fc0" strokeweight="3pt">
                <v:textbox>
                  <w:txbxContent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  <w:p w:rsidR="003B2C87" w:rsidRDefault="003B2C87" w:rsidP="003B2C87">
                      <w:pPr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32992" behindDoc="0" locked="0" layoutInCell="1" allowOverlap="1" wp14:anchorId="10537D82" wp14:editId="6E028F15">
                <wp:simplePos x="0" y="0"/>
                <wp:positionH relativeFrom="column">
                  <wp:posOffset>297815</wp:posOffset>
                </wp:positionH>
                <wp:positionV relativeFrom="paragraph">
                  <wp:posOffset>166180</wp:posOffset>
                </wp:positionV>
                <wp:extent cx="876300" cy="847725"/>
                <wp:effectExtent l="0" t="0" r="0" b="0"/>
                <wp:wrapNone/>
                <wp:docPr id="38" name="テキスト ボックス 3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876300" cy="847725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3B2C87" w:rsidRDefault="003B2C87" w:rsidP="003B2C87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1ED0E472" wp14:editId="4ED8AA87">
                                  <wp:extent cx="607868" cy="685800"/>
                                  <wp:effectExtent l="0" t="0" r="0" b="0"/>
                                  <wp:docPr id="88" name="図 88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39" name="news_shinbunshi.png"/>
                                          <pic:cNvPicPr/>
                                        </pic:nvPicPr>
                                        <pic:blipFill>
                                          <a:blip r:embed="rId18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610205" cy="688436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0537D82" id="テキスト ボックス 38" o:spid="_x0000_s1059" type="#_x0000_t202" style="position:absolute;left:0;text-align:left;margin-left:23.45pt;margin-top:13.1pt;width:69pt;height:66.75pt;z-index:2517329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" filled="f" stroked="f" strokeweight=".5pt">
                <v:textbox>
                  <w:txbxContent>
                    <w:p w:rsidR="003B2C87" w:rsidRDefault="003B2C87" w:rsidP="003B2C87">
                      <w:r>
                        <w:rPr>
                          <w:noProof/>
                        </w:rPr>
                        <w:drawing>
                          <wp:inline distT="0" distB="0" distL="0" distR="0" wp14:anchorId="1ED0E472" wp14:editId="4ED8AA87">
                            <wp:extent cx="607868" cy="685800"/>
                            <wp:effectExtent l="0" t="0" r="0" b="0"/>
                            <wp:docPr id="88" name="図 88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39" name="news_shinbunshi.png"/>
                                    <pic:cNvPicPr/>
                                  </pic:nvPicPr>
                                  <pic:blipFill>
                                    <a:blip r:embed="rId1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610205" cy="688436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22752" behindDoc="0" locked="0" layoutInCell="1" allowOverlap="1" wp14:anchorId="733814EF" wp14:editId="4987FBDA">
                <wp:simplePos x="0" y="0"/>
                <wp:positionH relativeFrom="column">
                  <wp:posOffset>1630045</wp:posOffset>
                </wp:positionH>
                <wp:positionV relativeFrom="paragraph">
                  <wp:posOffset>106235</wp:posOffset>
                </wp:positionV>
                <wp:extent cx="4143375" cy="685800"/>
                <wp:effectExtent l="190500" t="0" r="28575" b="19050"/>
                <wp:wrapNone/>
                <wp:docPr id="14" name="角丸四角形吹き出し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143375" cy="685800"/>
                        </a:xfrm>
                        <a:prstGeom prst="wedgeRoundRectCallout">
                          <a:avLst>
                            <a:gd name="adj1" fmla="val -53985"/>
                            <a:gd name="adj2" fmla="val -11540"/>
                            <a:gd name="adj3" fmla="val 16667"/>
                          </a:avLst>
                        </a:prstGeom>
                        <a:solidFill>
                          <a:schemeClr val="accent1">
                            <a:lumMod val="20000"/>
                            <a:lumOff val="80000"/>
                          </a:scheme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Default="003B2C87" w:rsidP="003B2C87">
                            <w:pPr>
                              <w:spacing w:line="280" w:lineRule="exac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一人暮らしの高齢の母親が新聞購読契約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を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締結させられていた。母親は認知症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で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判断力が低下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して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いるので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以前から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販売店には契約しない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旨を伝えていた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。</w:t>
                            </w:r>
                          </w:p>
                          <w:p w:rsidR="003B2C87" w:rsidRPr="00FA3B22" w:rsidRDefault="003B2C87" w:rsidP="003B2C87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33814EF" id="角丸四角形吹き出し 14" o:spid="_x0000_s1060" type="#_x0000_t62" style="position:absolute;left:0;text-align:left;margin-left:128.35pt;margin-top:8.35pt;width:326.25pt;height:54pt;z-index:251722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" adj="-861,8307" fillcolor="#deeaf6 [660]" strokecolor="#1f4d78 [1604]" strokeweight="1pt">
                <v:textbox>
                  <w:txbxContent>
                    <w:p w:rsidR="003B2C87" w:rsidRDefault="003B2C87" w:rsidP="003B2C87">
                      <w:pPr>
                        <w:spacing w:line="280" w:lineRule="exact"/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一人暮らしの高齢の母親が新聞購読契約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を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締結させられていた。母親は認知症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で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判断力が低下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して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いるので、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以前から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販売店には契約しない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旨を伝えていた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。</w:t>
                      </w:r>
                    </w:p>
                    <w:p w:rsidR="003B2C87" w:rsidRPr="00FA3B22" w:rsidRDefault="003B2C87" w:rsidP="003B2C87">
                      <w:pPr>
                        <w:jc w:val="center"/>
                      </w:pPr>
                    </w:p>
                  </w:txbxContent>
                </v:textbox>
              </v:shape>
            </w:pict>
          </mc:Fallback>
        </mc:AlternateContent>
      </w:r>
    </w:p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34016" behindDoc="0" locked="0" layoutInCell="1" allowOverlap="1" wp14:anchorId="00D5AABF" wp14:editId="20041EFB">
                <wp:simplePos x="0" y="0"/>
                <wp:positionH relativeFrom="column">
                  <wp:posOffset>-864456</wp:posOffset>
                </wp:positionH>
                <wp:positionV relativeFrom="paragraph">
                  <wp:posOffset>316810</wp:posOffset>
                </wp:positionV>
                <wp:extent cx="946206" cy="1276350"/>
                <wp:effectExtent l="0" t="0" r="0" b="0"/>
                <wp:wrapNone/>
                <wp:docPr id="36" name="テキスト ボックス 3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946206" cy="127635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3B2C87" w:rsidRDefault="003B2C87" w:rsidP="003B2C87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11AB167F" wp14:editId="6B8AC201">
                                  <wp:extent cx="657225" cy="1161065"/>
                                  <wp:effectExtent l="0" t="0" r="0" b="1270"/>
                                  <wp:docPr id="89" name="図 89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40" name="sagi_reform3.png"/>
                                          <pic:cNvPicPr/>
                                        </pic:nvPicPr>
                                        <pic:blipFill>
                                          <a:blip r:embed="rId20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660253" cy="1166414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0D5AABF" id="テキスト ボックス 36" o:spid="_x0000_s1061" type="#_x0000_t202" style="position:absolute;left:0;text-align:left;margin-left:-68.05pt;margin-top:24.95pt;width:74.5pt;height:100.5pt;z-index:251734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" filled="f" stroked="f" strokeweight=".5pt">
                <v:textbox>
                  <w:txbxContent>
                    <w:p w:rsidR="003B2C87" w:rsidRDefault="003B2C87" w:rsidP="003B2C87">
                      <w:r>
                        <w:rPr>
                          <w:noProof/>
                        </w:rPr>
                        <w:drawing>
                          <wp:inline distT="0" distB="0" distL="0" distR="0" wp14:anchorId="11AB167F" wp14:editId="6B8AC201">
                            <wp:extent cx="657225" cy="1161065"/>
                            <wp:effectExtent l="0" t="0" r="0" b="1270"/>
                            <wp:docPr id="89" name="図 89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40" name="sagi_reform3.png"/>
                                    <pic:cNvPicPr/>
                                  </pic:nvPicPr>
                                  <pic:blipFill>
                                    <a:blip r:embed="rId21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660253" cy="1166414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3B2C87" w:rsidRDefault="003B2C87" w:rsidP="003B2C87"/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08416" behindDoc="0" locked="0" layoutInCell="1" allowOverlap="1" wp14:anchorId="5925427F" wp14:editId="0574FA23">
                <wp:simplePos x="0" y="0"/>
                <wp:positionH relativeFrom="column">
                  <wp:posOffset>81915</wp:posOffset>
                </wp:positionH>
                <wp:positionV relativeFrom="paragraph">
                  <wp:posOffset>196850</wp:posOffset>
                </wp:positionV>
                <wp:extent cx="5715000" cy="492981"/>
                <wp:effectExtent l="209550" t="0" r="19050" b="21590"/>
                <wp:wrapNone/>
                <wp:docPr id="5" name="四角形吹き出し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715000" cy="492981"/>
                        </a:xfrm>
                        <a:prstGeom prst="wedgeRectCallout">
                          <a:avLst>
                            <a:gd name="adj1" fmla="val -53253"/>
                            <a:gd name="adj2" fmla="val 33853"/>
                          </a:avLst>
                        </a:prstGeom>
                        <a:solidFill>
                          <a:srgbClr val="FFFF99"/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Default="003B2C87" w:rsidP="003B2C87">
                            <w:pPr>
                              <w:spacing w:line="280" w:lineRule="exac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年金暮らし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で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生活が厳しいので、購読をやめたい。新聞販売店に解約を申し出たら、以前に３万円の商品券を渡しているため解約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できないと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言われた。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925427F" id="四角形吹き出し 5" o:spid="_x0000_s1062" type="#_x0000_t61" style="position:absolute;left:0;text-align:left;margin-left:6.45pt;margin-top:15.5pt;width:450pt;height:38.8pt;z-index:2517084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" adj="-703,18112" fillcolor="#ff9" strokecolor="#1f4d78 [1604]" strokeweight="1pt">
                <v:textbox>
                  <w:txbxContent>
                    <w:p w:rsidR="003B2C87" w:rsidRDefault="003B2C87" w:rsidP="003B2C87">
                      <w:pPr>
                        <w:spacing w:line="280" w:lineRule="exact"/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年金暮らし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で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生活が厳しいので、購読をやめたい。新聞販売店に解約を申し出たら、以前に３万円の商品券を渡しているため解約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できないと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言われた。</w:t>
                      </w:r>
                    </w:p>
                  </w:txbxContent>
                </v:textbox>
              </v:shape>
            </w:pict>
          </mc:Fallback>
        </mc:AlternateContent>
      </w:r>
    </w:p>
    <w:p w:rsidR="003B2C87" w:rsidRDefault="003B2C87" w:rsidP="003B2C87"/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29920" behindDoc="0" locked="0" layoutInCell="1" allowOverlap="1" wp14:anchorId="73ACD366" wp14:editId="4836E338">
                <wp:simplePos x="0" y="0"/>
                <wp:positionH relativeFrom="margin">
                  <wp:posOffset>2526259</wp:posOffset>
                </wp:positionH>
                <wp:positionV relativeFrom="paragraph">
                  <wp:posOffset>178791</wp:posOffset>
                </wp:positionV>
                <wp:extent cx="371475" cy="219456"/>
                <wp:effectExtent l="38100" t="0" r="9525" b="47625"/>
                <wp:wrapNone/>
                <wp:docPr id="8" name="下矢印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71475" cy="219456"/>
                        </a:xfrm>
                        <a:prstGeom prst="downArrow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666DF560" id="_x0000_t67" coordsize="21600,21600" o:spt="67" adj="16200,5400" path="m0@0l@1@0@1,0@2,0@2@0,21600@0,10800,21600xe">
                <v:stroke joinstyle="miter"/>
                <v:formulas>
                  <v:f eqn="val #0"/>
                  <v:f eqn="val #1"/>
                  <v:f eqn="sum height 0 #1"/>
                  <v:f eqn="sum 10800 0 #1"/>
                  <v:f eqn="sum width 0 #0"/>
                  <v:f eqn="prod @4 @3 10800"/>
                  <v:f eqn="sum width 0 @5"/>
                </v:formulas>
                <v:path o:connecttype="custom" o:connectlocs="10800,0;0,@0;10800,21600;21600,@0" o:connectangles="270,180,90,0" textboxrect="@1,0,@2,@6"/>
                <v:handles>
                  <v:h position="#1,#0" xrange="0,10800" yrange="0,21600"/>
                </v:handles>
              </v:shapetype>
              <v:shape id="下矢印 8" o:spid="_x0000_s1026" type="#_x0000_t67" style="position:absolute;left:0;text-align:left;margin-left:198.9pt;margin-top:14.1pt;width:29.25pt;height:17.3pt;z-index:25172992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" adj="10800" fillcolor="#5b9bd5 [3204]" strokecolor="#1f4d78 [1604]" strokeweight="1pt">
                <w10:wrap anchorx="margin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31968" behindDoc="0" locked="0" layoutInCell="1" allowOverlap="1" wp14:anchorId="7CB7BC39" wp14:editId="2FBCD197">
                <wp:simplePos x="0" y="0"/>
                <wp:positionH relativeFrom="page">
                  <wp:align>right</wp:align>
                </wp:positionH>
                <wp:positionV relativeFrom="paragraph">
                  <wp:posOffset>7923</wp:posOffset>
                </wp:positionV>
                <wp:extent cx="1333500" cy="1371600"/>
                <wp:effectExtent l="0" t="0" r="0" b="0"/>
                <wp:wrapNone/>
                <wp:docPr id="15" name="円/楕円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33500" cy="1371600"/>
                        </a:xfrm>
                        <a:prstGeom prst="ellipse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Pr="008D0DFC" w:rsidRDefault="003B2C87" w:rsidP="003B2C87">
                            <w:pPr>
                              <w:rPr>
                                <w:color w:val="000000" w:themeColor="text1"/>
                                <w:sz w:val="16"/>
                                <w:szCs w:val="16"/>
                              </w:rPr>
                            </w:pPr>
                            <w:r w:rsidRPr="00766F88">
                              <w:rPr>
                                <w:rFonts w:hint="eastAsia"/>
                                <w:noProof/>
                              </w:rPr>
                              <w:drawing>
                                <wp:inline distT="0" distB="0" distL="0" distR="0" wp14:anchorId="062ABD06" wp14:editId="30A24C66">
                                  <wp:extent cx="651969" cy="865112"/>
                                  <wp:effectExtent l="0" t="0" r="0" b="0"/>
                                  <wp:docPr id="72" name="図 72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1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22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651969" cy="865112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CB7BC39" id="円/楕円 15" o:spid="_x0000_s1063" style="position:absolute;left:0;text-align:left;margin-left:53.8pt;margin-top:.6pt;width:105pt;height:108pt;z-index:251731968;visibility:visible;mso-wrap-style:square;mso-width-percent:0;mso-height-percent:0;mso-wrap-distance-left:9pt;mso-wrap-distance-top:0;mso-wrap-distance-right:9pt;mso-wrap-distance-bottom:0;mso-position-horizontal:right;mso-position-horizontal-relative:page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" filled="f" stroked="f" strokeweight="1pt">
                <v:stroke joinstyle="miter"/>
                <v:textbox>
                  <w:txbxContent>
                    <w:p w:rsidR="003B2C87" w:rsidRPr="008D0DFC" w:rsidRDefault="003B2C87" w:rsidP="003B2C87">
                      <w:pPr>
                        <w:rPr>
                          <w:color w:val="000000" w:themeColor="text1"/>
                          <w:sz w:val="16"/>
                          <w:szCs w:val="16"/>
                        </w:rPr>
                      </w:pPr>
                      <w:r w:rsidRPr="00766F88">
                        <w:rPr>
                          <w:rFonts w:hint="eastAsia"/>
                          <w:noProof/>
                        </w:rPr>
                        <w:drawing>
                          <wp:inline distT="0" distB="0" distL="0" distR="0" wp14:anchorId="062ABD06" wp14:editId="30A24C66">
                            <wp:extent cx="651969" cy="865112"/>
                            <wp:effectExtent l="0" t="0" r="0" b="0"/>
                            <wp:docPr id="72" name="図 72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1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23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651969" cy="865112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anchorx="page"/>
              </v:oval>
            </w:pict>
          </mc:Fallback>
        </mc:AlternateContent>
      </w:r>
    </w:p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25824" behindDoc="0" locked="0" layoutInCell="1" allowOverlap="1" wp14:anchorId="79C1637F" wp14:editId="0B12F095">
                <wp:simplePos x="0" y="0"/>
                <wp:positionH relativeFrom="margin">
                  <wp:posOffset>-93980</wp:posOffset>
                </wp:positionH>
                <wp:positionV relativeFrom="paragraph">
                  <wp:posOffset>108395</wp:posOffset>
                </wp:positionV>
                <wp:extent cx="5438140" cy="795020"/>
                <wp:effectExtent l="0" t="0" r="105410" b="24130"/>
                <wp:wrapNone/>
                <wp:docPr id="1" name="四角形吹き出し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438140" cy="795020"/>
                        </a:xfrm>
                        <a:prstGeom prst="wedgeRectCallout">
                          <a:avLst>
                            <a:gd name="adj1" fmla="val 51623"/>
                            <a:gd name="adj2" fmla="val -12486"/>
                          </a:avLst>
                        </a:prstGeom>
                        <a:solidFill>
                          <a:schemeClr val="accent6">
                            <a:lumMod val="40000"/>
                            <a:lumOff val="60000"/>
                          </a:schemeClr>
                        </a:solidFill>
                        <a:ln w="12700" cap="flat" cmpd="sng" algn="ctr">
                          <a:solidFill>
                            <a:srgbClr val="5B9BD5">
                              <a:shade val="50000"/>
                            </a:srgbClr>
                          </a:solidFill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3B2C87" w:rsidRDefault="003B2C87" w:rsidP="003B2C87">
                            <w:pPr>
                              <w:spacing w:line="280" w:lineRule="exact"/>
                              <w:jc w:val="lef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このような販売店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行為は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法律や大阪府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条例に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違反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します。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訪問販売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の場合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契約書面を受け取った日から８日間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はクーリング・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オフ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可能ですが、８日間が過ぎても、問題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ある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契約や勧誘があった場合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は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契約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取消しや解約ができる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可能性があります。おかしいと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思ったら、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迷わずお住まい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市町村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消費生活相談窓口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（消費者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 xml:space="preserve">ホットライン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１８８番）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</w:rPr>
                              <w:t>にご相談ください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</w:rPr>
                              <w:t>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9C1637F" id="四角形吹き出し 1" o:spid="_x0000_s1064" type="#_x0000_t61" style="position:absolute;left:0;text-align:left;margin-left:-7.4pt;margin-top:8.55pt;width:428.2pt;height:62.6pt;z-index:25172582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" adj="21951,8103" fillcolor="#c5e0b3 [1305]" strokecolor="#41719c" strokeweight="1pt">
                <v:textbox>
                  <w:txbxContent>
                    <w:p w:rsidR="003B2C87" w:rsidRDefault="003B2C87" w:rsidP="003B2C87">
                      <w:pPr>
                        <w:spacing w:line="280" w:lineRule="exact"/>
                        <w:jc w:val="lef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このような販売店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行為は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法律や大阪府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条例に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違反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します。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訪問販売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の場合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、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契約書面を受け取った日から８日間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はクーリング・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オフ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可能ですが、８日間が過ぎても、問題の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ある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契約や勧誘があった場合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は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契約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取消しや解約ができる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可能性があります。おかしいと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思ったら、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迷わずお住まい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の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市町村の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消費生活相談窓口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（消費者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 xml:space="preserve">ホットライン　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１８８番）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</w:rPr>
                        <w:t>にご相談ください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</w:rPr>
                        <w:t>！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:rsidR="003B2C87" w:rsidRDefault="003B2C87" w:rsidP="003B2C87"/>
    <w:p w:rsidR="003B2C87" w:rsidRDefault="003B2C87" w:rsidP="003B2C87"/>
    <w:p w:rsidR="003B2C87" w:rsidRDefault="003B2C87" w:rsidP="003B2C87">
      <w:r>
        <w:rPr>
          <w:noProof/>
        </w:rPr>
        <mc:AlternateContent>
          <mc:Choice Requires="wps">
            <w:drawing>
              <wp:anchor distT="0" distB="0" distL="114300" distR="114300" simplePos="0" relativeHeight="251714560" behindDoc="0" locked="0" layoutInCell="1" allowOverlap="1" wp14:anchorId="70A437E7" wp14:editId="67018676">
                <wp:simplePos x="0" y="0"/>
                <wp:positionH relativeFrom="column">
                  <wp:posOffset>-670560</wp:posOffset>
                </wp:positionH>
                <wp:positionV relativeFrom="paragraph">
                  <wp:posOffset>347155</wp:posOffset>
                </wp:positionV>
                <wp:extent cx="2847975" cy="431800"/>
                <wp:effectExtent l="0" t="0" r="0" b="1270"/>
                <wp:wrapNone/>
                <wp:docPr id="29" name="テキスト ボックス 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847975" cy="4318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3B2C87" w:rsidRPr="00A543AF" w:rsidRDefault="003B2C87" w:rsidP="003B2C87">
                            <w:pPr>
                              <w:jc w:val="center"/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府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市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連携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noProof/>
                                <w:color w:val="000000" w:themeColor="text1"/>
                                <w:sz w:val="28"/>
                                <w:szCs w:val="28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消費者月間講演会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74295" tIns="8890" rIns="74295" bIns="889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70A437E7" id="テキスト ボックス 29" o:spid="_x0000_s1065" type="#_x0000_t202" style="position:absolute;left:0;text-align:left;margin-left:-52.8pt;margin-top:27.35pt;width:224.25pt;height:34pt;z-index:251714560;visibility:visible;mso-wrap-style:non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" filled="f" stroked="f">
                <v:textbox style="mso-fit-shape-to-text:t" inset="5.85pt,.7pt,5.85pt,.7pt">
                  <w:txbxContent>
                    <w:p w:rsidR="003B2C87" w:rsidRPr="00A543AF" w:rsidRDefault="003B2C87" w:rsidP="003B2C87">
                      <w:pPr>
                        <w:jc w:val="center"/>
                        <w:rPr>
                          <w:rFonts w:ascii="HGP創英角ｺﾞｼｯｸUB" w:eastAsia="HGP創英角ｺﾞｼｯｸUB" w:hAnsi="HGP創英角ｺﾞｼｯｸUB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府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市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連携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noProof/>
                          <w:color w:val="000000" w:themeColor="text1"/>
                          <w:sz w:val="28"/>
                          <w:szCs w:val="28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消費者月間講演会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720704" behindDoc="0" locked="0" layoutInCell="1" allowOverlap="1" wp14:anchorId="40904C49" wp14:editId="7ACB6A2D">
                <wp:simplePos x="0" y="0"/>
                <wp:positionH relativeFrom="column">
                  <wp:posOffset>-451982</wp:posOffset>
                </wp:positionH>
                <wp:positionV relativeFrom="paragraph">
                  <wp:posOffset>787951</wp:posOffset>
                </wp:positionV>
                <wp:extent cx="6443980" cy="1103437"/>
                <wp:effectExtent l="0" t="0" r="0" b="1905"/>
                <wp:wrapNone/>
                <wp:docPr id="31" name="フローチャート: 処理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43980" cy="1103437"/>
                        </a:xfrm>
                        <a:prstGeom prst="flowChartProcess">
                          <a:avLst/>
                        </a:prstGeom>
                        <a:solidFill>
                          <a:sysClr val="window" lastClr="FFFFFF"/>
                        </a:solidFill>
                        <a:ln w="28575" cap="flat" cmpd="sng" algn="ctr">
                          <a:noFill/>
                          <a:prstDash val="solid"/>
                          <a:miter lim="800000"/>
                        </a:ln>
                        <a:effectLst/>
                      </wps:spPr>
                      <wps:txbx>
                        <w:txbxContent>
                          <w:p w:rsidR="003B2C87" w:rsidRDefault="003B2C87" w:rsidP="003B2C87">
                            <w:pPr>
                              <w:spacing w:line="400" w:lineRule="exac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テーマ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　キャッシュレス時代の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消費者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トラブル防止策</w:t>
                            </w:r>
                          </w:p>
                          <w:p w:rsidR="003B2C87" w:rsidRDefault="003B2C87" w:rsidP="003B2C87">
                            <w:pPr>
                              <w:spacing w:line="400" w:lineRule="exact"/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講　師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大久保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育子　</w:t>
                            </w:r>
                            <w:r w:rsidRPr="00DD3575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（</w:t>
                            </w:r>
                            <w:r w:rsidRPr="00DD3575"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26"/>
                                <w:szCs w:val="26"/>
                              </w:rPr>
                              <w:t>大阪府金融広報委員会</w:t>
                            </w:r>
                            <w:r w:rsidRPr="00DD3575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　</w:t>
                            </w:r>
                            <w:r w:rsidRPr="00DD3575">
                              <w:rPr>
                                <w:rFonts w:asciiTheme="majorEastAsia" w:eastAsiaTheme="majorEastAsia" w:hAnsiTheme="majorEastAsia"/>
                                <w:color w:val="000000" w:themeColor="text1"/>
                                <w:sz w:val="26"/>
                                <w:szCs w:val="26"/>
                              </w:rPr>
                              <w:t>金融広報アドバイザー</w:t>
                            </w:r>
                            <w:r w:rsidRPr="00DD3575">
                              <w:rPr>
                                <w:rFonts w:asciiTheme="majorEastAsia" w:eastAsiaTheme="majorEastAsia" w:hAnsiTheme="majorEastAsia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）</w:t>
                            </w:r>
                          </w:p>
                          <w:p w:rsidR="003B2C87" w:rsidRDefault="003B2C87" w:rsidP="003B2C87">
                            <w:pPr>
                              <w:spacing w:line="400" w:lineRule="exac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と　き　 ５月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３１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日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（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金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）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午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２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時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３０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分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～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４時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（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午後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２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時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～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受付開始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）</w:t>
                            </w:r>
                          </w:p>
                          <w:p w:rsidR="003B2C87" w:rsidRDefault="003B2C87" w:rsidP="003B2C87">
                            <w:pPr>
                              <w:spacing w:line="400" w:lineRule="exac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ところ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 xml:space="preserve">大阪市天王寺区役所　</w:t>
                            </w:r>
                            <w:r>
                              <w:rPr>
                                <w:rFonts w:ascii="HGP創英角ｺﾞｼｯｸUB" w:eastAsia="HGP創英角ｺﾞｼｯｸUB" w:hAnsi="HGP創英角ｺﾞｼｯｸUB" w:hint="eastAsia"/>
                                <w:color w:val="000000" w:themeColor="text1"/>
                                <w:sz w:val="26"/>
                                <w:szCs w:val="26"/>
                              </w:rPr>
                              <w:t>３階</w:t>
                            </w:r>
                            <w:r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  <w:t>講堂</w:t>
                            </w:r>
                          </w:p>
                          <w:p w:rsidR="003B2C87" w:rsidRPr="00062C71" w:rsidRDefault="003B2C87" w:rsidP="003B2C87">
                            <w:pPr>
                              <w:spacing w:line="400" w:lineRule="exact"/>
                              <w:rPr>
                                <w:rFonts w:ascii="HGP創英角ｺﾞｼｯｸUB" w:eastAsia="HGP創英角ｺﾞｼｯｸUB" w:hAnsi="HGP創英角ｺﾞｼｯｸUB"/>
                                <w:color w:val="000000" w:themeColor="text1"/>
                                <w:sz w:val="26"/>
                                <w:szCs w:val="26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0904C49" id="フローチャート: 処理 31" o:spid="_x0000_s1066" type="#_x0000_t109" style="position:absolute;left:0;text-align:left;margin-left:-35.6pt;margin-top:62.05pt;width:507.4pt;height:86.9pt;z-index:251720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" fillcolor="window" stroked="f" strokeweight="2.25pt">
                <v:textbox>
                  <w:txbxContent>
                    <w:p w:rsidR="003B2C87" w:rsidRDefault="003B2C87" w:rsidP="003B2C87">
                      <w:pPr>
                        <w:spacing w:line="400" w:lineRule="exac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テーマ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 xml:space="preserve">　キャッシュレス時代の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消費者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トラブル防止策</w:t>
                      </w:r>
                    </w:p>
                    <w:p w:rsidR="003B2C87" w:rsidRDefault="003B2C87" w:rsidP="003B2C87">
                      <w:pPr>
                        <w:spacing w:line="400" w:lineRule="exact"/>
                        <w:rPr>
                          <w:rFonts w:asciiTheme="majorEastAsia" w:eastAsiaTheme="majorEastAsia" w:hAnsiTheme="majorEastAsia"/>
                          <w:color w:val="000000" w:themeColor="text1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 xml:space="preserve">講　師　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 xml:space="preserve">大久保　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 xml:space="preserve">育子　</w:t>
                      </w:r>
                      <w:r w:rsidRPr="00DD3575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26"/>
                          <w:szCs w:val="26"/>
                        </w:rPr>
                        <w:t>（</w:t>
                      </w:r>
                      <w:r w:rsidRPr="00DD3575">
                        <w:rPr>
                          <w:rFonts w:asciiTheme="majorEastAsia" w:eastAsiaTheme="majorEastAsia" w:hAnsiTheme="majorEastAsia"/>
                          <w:color w:val="000000" w:themeColor="text1"/>
                          <w:sz w:val="26"/>
                          <w:szCs w:val="26"/>
                        </w:rPr>
                        <w:t>大阪府金融広報委員会</w:t>
                      </w:r>
                      <w:r w:rsidRPr="00DD3575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26"/>
                          <w:szCs w:val="26"/>
                        </w:rPr>
                        <w:t xml:space="preserve">　</w:t>
                      </w:r>
                      <w:r w:rsidRPr="00DD3575">
                        <w:rPr>
                          <w:rFonts w:asciiTheme="majorEastAsia" w:eastAsiaTheme="majorEastAsia" w:hAnsiTheme="majorEastAsia"/>
                          <w:color w:val="000000" w:themeColor="text1"/>
                          <w:sz w:val="26"/>
                          <w:szCs w:val="26"/>
                        </w:rPr>
                        <w:t>金融広報アドバイザー</w:t>
                      </w:r>
                      <w:r w:rsidRPr="00DD3575">
                        <w:rPr>
                          <w:rFonts w:asciiTheme="majorEastAsia" w:eastAsiaTheme="majorEastAsia" w:hAnsiTheme="majorEastAsia" w:hint="eastAsia"/>
                          <w:color w:val="000000" w:themeColor="text1"/>
                          <w:sz w:val="26"/>
                          <w:szCs w:val="26"/>
                        </w:rPr>
                        <w:t>）</w:t>
                      </w:r>
                    </w:p>
                    <w:p w:rsidR="003B2C87" w:rsidRDefault="003B2C87" w:rsidP="003B2C87">
                      <w:pPr>
                        <w:spacing w:line="400" w:lineRule="exac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と　き　 ５月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３１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日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（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金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）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午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２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時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３０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分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～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４時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（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午後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２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時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～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受付開始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）</w:t>
                      </w:r>
                    </w:p>
                    <w:p w:rsidR="003B2C87" w:rsidRDefault="003B2C87" w:rsidP="003B2C87">
                      <w:pPr>
                        <w:spacing w:line="400" w:lineRule="exac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 xml:space="preserve">ところ　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 xml:space="preserve">大阪市天王寺区役所　</w:t>
                      </w:r>
                      <w:r>
                        <w:rPr>
                          <w:rFonts w:ascii="HGP創英角ｺﾞｼｯｸUB" w:eastAsia="HGP創英角ｺﾞｼｯｸUB" w:hAnsi="HGP創英角ｺﾞｼｯｸUB" w:hint="eastAsia"/>
                          <w:color w:val="000000" w:themeColor="text1"/>
                          <w:sz w:val="26"/>
                          <w:szCs w:val="26"/>
                        </w:rPr>
                        <w:t>３階</w:t>
                      </w:r>
                      <w:r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  <w:t>講堂</w:t>
                      </w:r>
                    </w:p>
                    <w:p w:rsidR="003B2C87" w:rsidRPr="00062C71" w:rsidRDefault="003B2C87" w:rsidP="003B2C87">
                      <w:pPr>
                        <w:spacing w:line="400" w:lineRule="exact"/>
                        <w:rPr>
                          <w:rFonts w:ascii="HGP創英角ｺﾞｼｯｸUB" w:eastAsia="HGP創英角ｺﾞｼｯｸUB" w:hAnsi="HGP創英角ｺﾞｼｯｸUB"/>
                          <w:color w:val="000000" w:themeColor="text1"/>
                          <w:sz w:val="26"/>
                          <w:szCs w:val="26"/>
                        </w:rPr>
                      </w:pP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13536" behindDoc="0" locked="0" layoutInCell="1" allowOverlap="1" wp14:anchorId="68B5427F" wp14:editId="0CC4EF9C">
                <wp:simplePos x="0" y="0"/>
                <wp:positionH relativeFrom="column">
                  <wp:posOffset>-817742</wp:posOffset>
                </wp:positionH>
                <wp:positionV relativeFrom="paragraph">
                  <wp:posOffset>395385</wp:posOffset>
                </wp:positionV>
                <wp:extent cx="2619375" cy="349858"/>
                <wp:effectExtent l="38100" t="0" r="66675" b="12700"/>
                <wp:wrapNone/>
                <wp:docPr id="28" name="上リボン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619375" cy="349858"/>
                        </a:xfrm>
                        <a:prstGeom prst="ribbon2">
                          <a:avLst/>
                        </a:prstGeom>
                        <a:solidFill>
                          <a:srgbClr val="FFCCFF"/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748CB58D" id="_x0000_t54" coordsize="21600,21600" o:spt="54" adj="5400,18900" path="m0@29l@3@29qx@4@19l@4@10@5@10@5@19qy@6@29l@28@29@26@22@28@23@9@23@9@24qy@8,l@1,qx@0@24l@0@23,0@23,2700@22xem@4@19nfqy@3@20l@1@20qx@0@21@1@10l@4@10em@5@19nfqy@6@20l@8@20qx@9@21@8@10l@5@10em@0@21nfl@0@23em@9@21nfl@9@23e">
                <v:formulas>
                  <v:f eqn="val #0"/>
                  <v:f eqn="sum @0 675 0"/>
                  <v:f eqn="sum @1 675 0"/>
                  <v:f eqn="sum @2 675 0"/>
                  <v:f eqn="sum @3 675 0"/>
                  <v:f eqn="sum width 0 @4"/>
                  <v:f eqn="sum width 0 @3"/>
                  <v:f eqn="sum width 0 @2"/>
                  <v:f eqn="sum width 0 @1"/>
                  <v:f eqn="sum width 0 @0"/>
                  <v:f eqn="val #1"/>
                  <v:f eqn="prod @10 1 4"/>
                  <v:f eqn="prod @10 1 2"/>
                  <v:f eqn="prod @10 3 4"/>
                  <v:f eqn="prod height 3 4"/>
                  <v:f eqn="prod height 1 2"/>
                  <v:f eqn="prod height 1 4"/>
                  <v:f eqn="prod height 3 2"/>
                  <v:f eqn="prod height 2 3"/>
                  <v:f eqn="sum @11 @14 0"/>
                  <v:f eqn="sum @12 @15 0"/>
                  <v:f eqn="sum @13 @16 0"/>
                  <v:f eqn="sum @17 0 @20"/>
                  <v:f eqn="sum height 0 @10"/>
                  <v:f eqn="sum height 0 @19"/>
                  <v:f eqn="prod width 1 2"/>
                  <v:f eqn="sum width 0 2700"/>
                  <v:f eqn="sum @25 0 2700"/>
                  <v:f eqn="val width"/>
                  <v:f eqn="val height"/>
                </v:formulas>
                <v:path o:extrusionok="f" o:connecttype="custom" o:connectlocs="@25,0;2700,@22;@25,@10;@26,@22" o:connectangles="270,180,90,0" textboxrect="@0,0,@9,@10"/>
                <v:handles>
                  <v:h position="#0,topLeft" xrange="2700,8100"/>
                  <v:h position="center,#1" yrange="14400,21600"/>
                </v:handles>
                <o:complex v:ext="view"/>
              </v:shapetype>
              <v:shape id="上リボン 28" o:spid="_x0000_s1026" type="#_x0000_t54" style="position:absolute;left:0;text-align:left;margin-left:-64.4pt;margin-top:31.15pt;width:206.25pt;height:27.55pt;z-index:2517135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" adj=",18000" fillcolor="#fcf" strokecolor="#1f4d78 [1604]" strokeweight="1pt">
                <v:stroke joinstyle="miter"/>
              </v:shape>
            </w:pict>
          </mc:Fallback>
        </mc:AlternateContent>
      </w: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726848" behindDoc="0" locked="0" layoutInCell="1" allowOverlap="1" wp14:anchorId="7A28F59B" wp14:editId="10633585">
                <wp:simplePos x="0" y="0"/>
                <wp:positionH relativeFrom="column">
                  <wp:posOffset>2729865</wp:posOffset>
                </wp:positionH>
                <wp:positionV relativeFrom="paragraph">
                  <wp:posOffset>473075</wp:posOffset>
                </wp:positionV>
                <wp:extent cx="3124200" cy="313055"/>
                <wp:effectExtent l="0" t="0" r="19050" b="10795"/>
                <wp:wrapNone/>
                <wp:docPr id="9" name="テキスト ボックス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124200" cy="31305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3B2C87" w:rsidRPr="00E10494" w:rsidRDefault="003B2C87" w:rsidP="003B2C87">
                            <w:pPr>
                              <w:rPr>
                                <w:rFonts w:ascii="ＭＳ ゴシック" w:eastAsia="ＭＳ ゴシック" w:hAnsi="ＭＳ ゴシック"/>
                                <w:b/>
                                <w:color w:val="FF0000"/>
                              </w:rPr>
                            </w:pPr>
                            <w:r w:rsidRPr="0077298C">
                              <w:rPr>
                                <w:rFonts w:ascii="ＭＳ ゴシック" w:eastAsia="ＭＳ ゴシック" w:hAnsi="ＭＳ ゴシック" w:hint="eastAsia"/>
                                <w:b/>
                                <w:color w:val="C00000"/>
                              </w:rPr>
                              <w:t>詳細・申込はこちらから：</w:t>
                            </w:r>
                            <w:hyperlink r:id="rId24" w:history="1">
                              <w:r w:rsidRPr="00696EF7">
                                <w:rPr>
                                  <w:rStyle w:val="a9"/>
                                  <w:rFonts w:ascii="ＭＳ ゴシック" w:eastAsia="ＭＳ ゴシック" w:hAnsi="ＭＳ ゴシック" w:hint="eastAsia"/>
                                  <w:b/>
                                </w:rPr>
                                <w:t>大阪市</w:t>
                              </w:r>
                              <w:r w:rsidRPr="00696EF7">
                                <w:rPr>
                                  <w:rStyle w:val="a9"/>
                                  <w:rFonts w:ascii="ＭＳ ゴシック" w:eastAsia="ＭＳ ゴシック" w:hAnsi="ＭＳ ゴシック"/>
                                  <w:b/>
                                </w:rPr>
                                <w:t>ホームページ</w:t>
                              </w:r>
                            </w:hyperlink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A28F59B" id="テキスト ボックス 9" o:spid="_x0000_s1067" type="#_x0000_t202" style="position:absolute;left:0;text-align:left;margin-left:214.95pt;margin-top:37.25pt;width:246pt;height:24.65pt;z-index:2517268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" fillcolor="white [3201]" strokeweight=".5pt">
                <v:textbox>
                  <w:txbxContent>
                    <w:p w:rsidR="003B2C87" w:rsidRPr="00E10494" w:rsidRDefault="003B2C87" w:rsidP="003B2C87">
                      <w:pPr>
                        <w:rPr>
                          <w:rFonts w:ascii="ＭＳ ゴシック" w:eastAsia="ＭＳ ゴシック" w:hAnsi="ＭＳ ゴシック"/>
                          <w:b/>
                          <w:color w:val="FF0000"/>
                        </w:rPr>
                      </w:pPr>
                      <w:r w:rsidRPr="0077298C">
                        <w:rPr>
                          <w:rFonts w:ascii="ＭＳ ゴシック" w:eastAsia="ＭＳ ゴシック" w:hAnsi="ＭＳ ゴシック" w:hint="eastAsia"/>
                          <w:b/>
                          <w:color w:val="C00000"/>
                        </w:rPr>
                        <w:t>詳細・申込はこちらから：</w:t>
                      </w:r>
                      <w:hyperlink r:id="rId25" w:history="1">
                        <w:r w:rsidRPr="00696EF7">
                          <w:rPr>
                            <w:rStyle w:val="a9"/>
                            <w:rFonts w:ascii="ＭＳ ゴシック" w:eastAsia="ＭＳ ゴシック" w:hAnsi="ＭＳ ゴシック" w:hint="eastAsia"/>
                            <w:b/>
                          </w:rPr>
                          <w:t>大阪市</w:t>
                        </w:r>
                        <w:r w:rsidRPr="00696EF7">
                          <w:rPr>
                            <w:rStyle w:val="a9"/>
                            <w:rFonts w:ascii="ＭＳ ゴシック" w:eastAsia="ＭＳ ゴシック" w:hAnsi="ＭＳ ゴシック"/>
                            <w:b/>
                          </w:rPr>
                          <w:t>ホームページ</w:t>
                        </w:r>
                      </w:hyperlink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30944" behindDoc="0" locked="0" layoutInCell="1" allowOverlap="1" wp14:anchorId="4908ECAF" wp14:editId="766CC658">
                <wp:simplePos x="0" y="0"/>
                <wp:positionH relativeFrom="column">
                  <wp:posOffset>4034790</wp:posOffset>
                </wp:positionH>
                <wp:positionV relativeFrom="paragraph">
                  <wp:posOffset>2216150</wp:posOffset>
                </wp:positionV>
                <wp:extent cx="2343150" cy="1143000"/>
                <wp:effectExtent l="0" t="0" r="0" b="0"/>
                <wp:wrapNone/>
                <wp:docPr id="32" name="テキスト ボックス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343150" cy="114300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:rsidR="003B2C87" w:rsidRDefault="003B2C87" w:rsidP="003B2C87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58FF93EE" wp14:editId="5FDB096B">
                                  <wp:extent cx="933450" cy="933450"/>
                                  <wp:effectExtent l="0" t="0" r="0" b="0"/>
                                  <wp:docPr id="33" name="図 33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33" name="sdgs.png"/>
                                          <pic:cNvPicPr/>
                                        </pic:nvPicPr>
                                        <pic:blipFill>
                                          <a:blip r:embed="rId26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933450" cy="933450"/>
                                          </a:xfrm>
                                          <a:prstGeom prst="rect">
                                            <a:avLst/>
                                          </a:prstGeom>
                                          <a:ln w="3175"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710546A7" wp14:editId="72746D60">
                                  <wp:extent cx="930910" cy="930910"/>
                                  <wp:effectExtent l="0" t="0" r="2540" b="2540"/>
                                  <wp:docPr id="34" name="図 34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34" name="sdgs12.png"/>
                                          <pic:cNvPicPr/>
                                        </pic:nvPicPr>
                                        <pic:blipFill>
                                          <a:blip r:embed="rId2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tretch>
                                            <a:fillRect/>
                                          </a:stretch>
                                        </pic:blipFill>
                                        <pic:spPr>
                                          <a:xfrm>
                                            <a:off x="0" y="0"/>
                                            <a:ext cx="930910" cy="930910"/>
                                          </a:xfrm>
                                          <a:prstGeom prst="rect">
                                            <a:avLst/>
                                          </a:prstGeom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908ECAF" id="テキスト ボックス 32" o:spid="_x0000_s1068" type="#_x0000_t202" style="position:absolute;left:0;text-align:left;margin-left:317.7pt;margin-top:174.5pt;width:184.5pt;height:90pt;z-index:2517309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" filled="f" stroked="f" strokeweight=".5pt">
                <v:textbox>
                  <w:txbxContent>
                    <w:p w:rsidR="003B2C87" w:rsidRDefault="003B2C87" w:rsidP="003B2C87">
                      <w:r>
                        <w:rPr>
                          <w:noProof/>
                        </w:rPr>
                        <w:drawing>
                          <wp:inline distT="0" distB="0" distL="0" distR="0" wp14:anchorId="58FF93EE" wp14:editId="5FDB096B">
                            <wp:extent cx="933450" cy="933450"/>
                            <wp:effectExtent l="0" t="0" r="0" b="0"/>
                            <wp:docPr id="33" name="図 33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33" name="sdgs.png"/>
                                    <pic:cNvPicPr/>
                                  </pic:nvPicPr>
                                  <pic:blipFill>
                                    <a:blip r:embed="rId2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933450" cy="933450"/>
                                    </a:xfrm>
                                    <a:prstGeom prst="rect">
                                      <a:avLst/>
                                    </a:prstGeom>
                                    <a:ln w="3175"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  <w:r>
                        <w:rPr>
                          <w:noProof/>
                        </w:rPr>
                        <w:drawing>
                          <wp:inline distT="0" distB="0" distL="0" distR="0" wp14:anchorId="710546A7" wp14:editId="72746D60">
                            <wp:extent cx="930910" cy="930910"/>
                            <wp:effectExtent l="0" t="0" r="2540" b="2540"/>
                            <wp:docPr id="34" name="図 34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34" name="sdgs12.png"/>
                                    <pic:cNvPicPr/>
                                  </pic:nvPicPr>
                                  <pic:blipFill>
                                    <a:blip r:embed="rId2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0" y="0"/>
                                      <a:ext cx="930910" cy="930910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11488" behindDoc="0" locked="0" layoutInCell="1" allowOverlap="1" wp14:anchorId="460216D4" wp14:editId="59329C67">
                <wp:simplePos x="0" y="0"/>
                <wp:positionH relativeFrom="column">
                  <wp:posOffset>-822960</wp:posOffset>
                </wp:positionH>
                <wp:positionV relativeFrom="paragraph">
                  <wp:posOffset>377825</wp:posOffset>
                </wp:positionV>
                <wp:extent cx="6943725" cy="1562100"/>
                <wp:effectExtent l="19050" t="19050" r="28575" b="19050"/>
                <wp:wrapNone/>
                <wp:docPr id="12" name="正方形/長方形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943725" cy="156210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 w="38100">
                          <a:solidFill>
                            <a:srgbClr val="D608AF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11C19A6" id="正方形/長方形 12" o:spid="_x0000_s1026" style="position:absolute;left:0;text-align:left;margin-left:-64.8pt;margin-top:29.75pt;width:546.75pt;height:123pt;z-index:2517114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" fillcolor="white [3212]" strokecolor="#d608af" strokeweight="3pt"/>
            </w:pict>
          </mc:Fallback>
        </mc:AlternateContent>
      </w: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728896" behindDoc="0" locked="0" layoutInCell="1" allowOverlap="1" wp14:anchorId="05A71003" wp14:editId="751DE87A">
                <wp:simplePos x="0" y="0"/>
                <wp:positionH relativeFrom="column">
                  <wp:posOffset>-518160</wp:posOffset>
                </wp:positionH>
                <wp:positionV relativeFrom="paragraph">
                  <wp:posOffset>3063875</wp:posOffset>
                </wp:positionV>
                <wp:extent cx="4295775" cy="313055"/>
                <wp:effectExtent l="0" t="0" r="28575" b="10795"/>
                <wp:wrapNone/>
                <wp:docPr id="25" name="テキスト ボックス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295775" cy="31305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3B2C87" w:rsidRDefault="003B2C87" w:rsidP="003B2C87">
                            <w:r w:rsidRPr="00F51353">
                              <w:rPr>
                                <w:rFonts w:hint="eastAsia"/>
                                <w:color w:val="C00000"/>
                                <w:sz w:val="22"/>
                              </w:rPr>
                              <w:t>☎</w:t>
                            </w:r>
                            <w:r w:rsidRPr="00F51353">
                              <w:rPr>
                                <w:rFonts w:hint="eastAsia"/>
                                <w:color w:val="C00000"/>
                                <w:sz w:val="22"/>
                              </w:rPr>
                              <w:t>06-6614-0999</w:t>
                            </w:r>
                            <w:r w:rsidRPr="00F51353">
                              <w:rPr>
                                <w:rFonts w:hint="eastAsia"/>
                                <w:color w:val="C00000"/>
                              </w:rPr>
                              <w:t xml:space="preserve"> </w:t>
                            </w:r>
                            <w:r w:rsidRPr="00F51353">
                              <w:rPr>
                                <w:rFonts w:hint="eastAsia"/>
                                <w:color w:val="C00000"/>
                              </w:rPr>
                              <w:t>ホームページ</w:t>
                            </w:r>
                            <w:r w:rsidRPr="00F51353">
                              <w:rPr>
                                <w:color w:val="C00000"/>
                              </w:rPr>
                              <w:t>：</w:t>
                            </w:r>
                            <w:hyperlink r:id="rId30" w:history="1">
                              <w:r w:rsidRPr="00332C36">
                                <w:rPr>
                                  <w:rStyle w:val="a9"/>
                                </w:rPr>
                                <w:t>https://www.city.osaka.lg.jp/lnet/</w:t>
                              </w:r>
                            </w:hyperlink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5A71003" id="テキスト ボックス 25" o:spid="_x0000_s1069" type="#_x0000_t202" style="position:absolute;left:0;text-align:left;margin-left:-40.8pt;margin-top:241.25pt;width:338.25pt;height:24.65pt;z-index:2517288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" fillcolor="window" strokeweight=".5pt">
                <v:textbox>
                  <w:txbxContent>
                    <w:p w:rsidR="003B2C87" w:rsidRDefault="003B2C87" w:rsidP="003B2C87">
                      <w:r w:rsidRPr="00F51353">
                        <w:rPr>
                          <w:rFonts w:hint="eastAsia"/>
                          <w:color w:val="C00000"/>
                          <w:sz w:val="22"/>
                        </w:rPr>
                        <w:t>☎</w:t>
                      </w:r>
                      <w:r w:rsidRPr="00F51353">
                        <w:rPr>
                          <w:rFonts w:hint="eastAsia"/>
                          <w:color w:val="C00000"/>
                          <w:sz w:val="22"/>
                        </w:rPr>
                        <w:t>06-6614-0999</w:t>
                      </w:r>
                      <w:r w:rsidRPr="00F51353">
                        <w:rPr>
                          <w:rFonts w:hint="eastAsia"/>
                          <w:color w:val="C00000"/>
                        </w:rPr>
                        <w:t xml:space="preserve"> </w:t>
                      </w:r>
                      <w:r w:rsidRPr="00F51353">
                        <w:rPr>
                          <w:rFonts w:hint="eastAsia"/>
                          <w:color w:val="C00000"/>
                        </w:rPr>
                        <w:t>ホームページ</w:t>
                      </w:r>
                      <w:r w:rsidRPr="00F51353">
                        <w:rPr>
                          <w:color w:val="C00000"/>
                        </w:rPr>
                        <w:t>：</w:t>
                      </w:r>
                      <w:hyperlink r:id="rId31" w:history="1">
                        <w:r w:rsidRPr="00332C36">
                          <w:rPr>
                            <w:rStyle w:val="a9"/>
                          </w:rPr>
                          <w:t>https://www.city.osaka.lg.jp/lnet/</w:t>
                        </w:r>
                      </w:hyperlink>
                    </w:p>
                  </w:txbxContent>
                </v:textbox>
              </v:shape>
            </w:pict>
          </mc:Fallback>
        </mc:AlternateContent>
      </w: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727872" behindDoc="0" locked="0" layoutInCell="1" allowOverlap="1" wp14:anchorId="176C82AA" wp14:editId="38DD6E6D">
                <wp:simplePos x="0" y="0"/>
                <wp:positionH relativeFrom="column">
                  <wp:posOffset>-518160</wp:posOffset>
                </wp:positionH>
                <wp:positionV relativeFrom="paragraph">
                  <wp:posOffset>2378075</wp:posOffset>
                </wp:positionV>
                <wp:extent cx="4333875" cy="313055"/>
                <wp:effectExtent l="0" t="0" r="28575" b="10795"/>
                <wp:wrapNone/>
                <wp:docPr id="24" name="テキスト ボックス 2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333875" cy="313055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3B2C87" w:rsidRDefault="003B2C87" w:rsidP="003B2C87">
                            <w:r w:rsidRPr="00F51353">
                              <w:rPr>
                                <w:rFonts w:hint="eastAsia"/>
                                <w:color w:val="C00000"/>
                                <w:sz w:val="22"/>
                              </w:rPr>
                              <w:t>☎</w:t>
                            </w:r>
                            <w:r w:rsidRPr="00F51353">
                              <w:rPr>
                                <w:rFonts w:hint="eastAsia"/>
                                <w:color w:val="C00000"/>
                                <w:sz w:val="22"/>
                              </w:rPr>
                              <w:t xml:space="preserve">06-6616-0888 </w:t>
                            </w:r>
                            <w:r w:rsidRPr="00F51353">
                              <w:rPr>
                                <w:rFonts w:hint="eastAsia"/>
                                <w:color w:val="C00000"/>
                              </w:rPr>
                              <w:t>ホームページ</w:t>
                            </w:r>
                            <w:r w:rsidRPr="00F51353">
                              <w:rPr>
                                <w:color w:val="C00000"/>
                              </w:rPr>
                              <w:t>：</w:t>
                            </w:r>
                            <w:hyperlink r:id="rId32" w:history="1">
                              <w:r w:rsidRPr="00332C36">
                                <w:rPr>
                                  <w:rStyle w:val="a9"/>
                                </w:rPr>
                                <w:t>http://www.pref.osaka.lg.jp/shouhi/</w:t>
                              </w:r>
                            </w:hyperlink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76C82AA" id="テキスト ボックス 24" o:spid="_x0000_s1070" type="#_x0000_t202" style="position:absolute;left:0;text-align:left;margin-left:-40.8pt;margin-top:187.25pt;width:341.25pt;height:24.65pt;z-index:2517278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" fillcolor="window" strokeweight=".5pt">
                <v:textbox>
                  <w:txbxContent>
                    <w:p w:rsidR="003B2C87" w:rsidRDefault="003B2C87" w:rsidP="003B2C87">
                      <w:r w:rsidRPr="00F51353">
                        <w:rPr>
                          <w:rFonts w:hint="eastAsia"/>
                          <w:color w:val="C00000"/>
                          <w:sz w:val="22"/>
                        </w:rPr>
                        <w:t>☎</w:t>
                      </w:r>
                      <w:r w:rsidRPr="00F51353">
                        <w:rPr>
                          <w:rFonts w:hint="eastAsia"/>
                          <w:color w:val="C00000"/>
                          <w:sz w:val="22"/>
                        </w:rPr>
                        <w:t xml:space="preserve">06-6616-0888 </w:t>
                      </w:r>
                      <w:r w:rsidRPr="00F51353">
                        <w:rPr>
                          <w:rFonts w:hint="eastAsia"/>
                          <w:color w:val="C00000"/>
                        </w:rPr>
                        <w:t>ホームページ</w:t>
                      </w:r>
                      <w:r w:rsidRPr="00F51353">
                        <w:rPr>
                          <w:color w:val="C00000"/>
                        </w:rPr>
                        <w:t>：</w:t>
                      </w:r>
                      <w:hyperlink r:id="rId33" w:history="1">
                        <w:r w:rsidRPr="00332C36">
                          <w:rPr>
                            <w:rStyle w:val="a9"/>
                          </w:rPr>
                          <w:t>http://www.pref.osaka.lg.jp/shouhi/</w:t>
                        </w:r>
                      </w:hyperlink>
                    </w:p>
                  </w:txbxContent>
                </v:textbox>
              </v:shape>
            </w:pict>
          </mc:Fallback>
        </mc:AlternateContent>
      </w: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718656" behindDoc="0" locked="0" layoutInCell="1" allowOverlap="1" wp14:anchorId="21E22E0E" wp14:editId="7D0D9C7C">
                <wp:simplePos x="0" y="0"/>
                <wp:positionH relativeFrom="column">
                  <wp:posOffset>-708660</wp:posOffset>
                </wp:positionH>
                <wp:positionV relativeFrom="paragraph">
                  <wp:posOffset>2082800</wp:posOffset>
                </wp:positionV>
                <wp:extent cx="6810375" cy="1343025"/>
                <wp:effectExtent l="0" t="0" r="28575" b="28575"/>
                <wp:wrapNone/>
                <wp:docPr id="7" name="テキスト ボックス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810375" cy="13430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3B2C87" w:rsidRDefault="003B2C87" w:rsidP="003B2C87">
                            <w:pPr>
                              <w:rPr>
                                <w:rFonts w:asciiTheme="majorEastAsia" w:eastAsiaTheme="majorEastAsia" w:hAnsiTheme="majorEastAsia"/>
                                <w:b/>
                                <w:sz w:val="24"/>
                                <w:szCs w:val="24"/>
                              </w:rPr>
                            </w:pPr>
                            <w:r w:rsidRPr="00DD3575">
                              <w:rPr>
                                <w:rFonts w:asciiTheme="majorEastAsia" w:eastAsiaTheme="majorEastAsia" w:hAnsiTheme="majorEastAsia" w:hint="eastAsia"/>
                                <w:b/>
                                <w:sz w:val="24"/>
                                <w:szCs w:val="24"/>
                              </w:rPr>
                              <w:t>大阪府</w:t>
                            </w:r>
                            <w:r w:rsidRPr="00DD3575">
                              <w:rPr>
                                <w:rFonts w:asciiTheme="majorEastAsia" w:eastAsiaTheme="majorEastAsia" w:hAnsiTheme="majorEastAsia"/>
                                <w:b/>
                                <w:sz w:val="24"/>
                                <w:szCs w:val="24"/>
                              </w:rPr>
                              <w:t>消費生活センター</w:t>
                            </w:r>
                          </w:p>
                          <w:p w:rsidR="003B2C87" w:rsidRDefault="003B2C87" w:rsidP="003B2C87">
                            <w:pPr>
                              <w:rPr>
                                <w:rFonts w:asciiTheme="majorEastAsia" w:eastAsiaTheme="majorEastAsia" w:hAnsiTheme="majorEastAsia"/>
                                <w:sz w:val="22"/>
                              </w:rPr>
                            </w:pPr>
                          </w:p>
                          <w:p w:rsidR="003B2C87" w:rsidRPr="00DD3575" w:rsidRDefault="003B2C87" w:rsidP="003B2C87">
                            <w:pPr>
                              <w:rPr>
                                <w:rFonts w:asciiTheme="majorEastAsia" w:eastAsiaTheme="majorEastAsia" w:hAnsiTheme="majorEastAsia"/>
                                <w:sz w:val="22"/>
                              </w:rPr>
                            </w:pPr>
                          </w:p>
                          <w:p w:rsidR="003B2C87" w:rsidRPr="00DD3575" w:rsidRDefault="003B2C87" w:rsidP="003B2C87">
                            <w:pPr>
                              <w:jc w:val="left"/>
                              <w:rPr>
                                <w:rFonts w:asciiTheme="majorEastAsia" w:eastAsiaTheme="majorEastAsia" w:hAnsiTheme="majorEastAsia"/>
                                <w:b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Theme="majorEastAsia" w:eastAsiaTheme="majorEastAsia" w:hAnsiTheme="majorEastAsia" w:hint="eastAsia"/>
                                <w:b/>
                                <w:sz w:val="24"/>
                                <w:szCs w:val="24"/>
                              </w:rPr>
                              <w:t>大阪市</w:t>
                            </w:r>
                            <w:r>
                              <w:rPr>
                                <w:rFonts w:asciiTheme="majorEastAsia" w:eastAsiaTheme="majorEastAsia" w:hAnsiTheme="majorEastAsia"/>
                                <w:b/>
                                <w:sz w:val="24"/>
                                <w:szCs w:val="24"/>
                              </w:rPr>
                              <w:t>消費者センター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1E22E0E" id="テキスト ボックス 7" o:spid="_x0000_s1071" type="#_x0000_t202" style="position:absolute;left:0;text-align:left;margin-left:-55.8pt;margin-top:164pt;width:536.25pt;height:105.75pt;z-index:251718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" fillcolor="white [3201]" strokeweight=".5pt">
                <v:textbox>
                  <w:txbxContent>
                    <w:p w:rsidR="003B2C87" w:rsidRDefault="003B2C87" w:rsidP="003B2C87">
                      <w:pPr>
                        <w:rPr>
                          <w:rFonts w:asciiTheme="majorEastAsia" w:eastAsiaTheme="majorEastAsia" w:hAnsiTheme="majorEastAsia"/>
                          <w:b/>
                          <w:sz w:val="24"/>
                          <w:szCs w:val="24"/>
                        </w:rPr>
                      </w:pPr>
                      <w:r w:rsidRPr="00DD3575">
                        <w:rPr>
                          <w:rFonts w:asciiTheme="majorEastAsia" w:eastAsiaTheme="majorEastAsia" w:hAnsiTheme="majorEastAsia" w:hint="eastAsia"/>
                          <w:b/>
                          <w:sz w:val="24"/>
                          <w:szCs w:val="24"/>
                        </w:rPr>
                        <w:t>大阪府</w:t>
                      </w:r>
                      <w:r w:rsidRPr="00DD3575">
                        <w:rPr>
                          <w:rFonts w:asciiTheme="majorEastAsia" w:eastAsiaTheme="majorEastAsia" w:hAnsiTheme="majorEastAsia"/>
                          <w:b/>
                          <w:sz w:val="24"/>
                          <w:szCs w:val="24"/>
                        </w:rPr>
                        <w:t>消費生活センター</w:t>
                      </w:r>
                    </w:p>
                    <w:p w:rsidR="003B2C87" w:rsidRDefault="003B2C87" w:rsidP="003B2C87">
                      <w:pPr>
                        <w:rPr>
                          <w:rFonts w:asciiTheme="majorEastAsia" w:eastAsiaTheme="majorEastAsia" w:hAnsiTheme="majorEastAsia"/>
                          <w:sz w:val="22"/>
                        </w:rPr>
                      </w:pPr>
                    </w:p>
                    <w:p w:rsidR="003B2C87" w:rsidRPr="00DD3575" w:rsidRDefault="003B2C87" w:rsidP="003B2C87">
                      <w:pPr>
                        <w:rPr>
                          <w:rFonts w:asciiTheme="majorEastAsia" w:eastAsiaTheme="majorEastAsia" w:hAnsiTheme="majorEastAsia"/>
                          <w:sz w:val="22"/>
                        </w:rPr>
                      </w:pPr>
                    </w:p>
                    <w:p w:rsidR="003B2C87" w:rsidRPr="00DD3575" w:rsidRDefault="003B2C87" w:rsidP="003B2C87">
                      <w:pPr>
                        <w:jc w:val="left"/>
                        <w:rPr>
                          <w:rFonts w:asciiTheme="majorEastAsia" w:eastAsiaTheme="majorEastAsia" w:hAnsiTheme="majorEastAsia"/>
                          <w:b/>
                          <w:sz w:val="24"/>
                          <w:szCs w:val="24"/>
                        </w:rPr>
                      </w:pPr>
                      <w:r>
                        <w:rPr>
                          <w:rFonts w:asciiTheme="majorEastAsia" w:eastAsiaTheme="majorEastAsia" w:hAnsiTheme="majorEastAsia" w:hint="eastAsia"/>
                          <w:b/>
                          <w:sz w:val="24"/>
                          <w:szCs w:val="24"/>
                        </w:rPr>
                        <w:t>大阪市</w:t>
                      </w:r>
                      <w:r>
                        <w:rPr>
                          <w:rFonts w:asciiTheme="majorEastAsia" w:eastAsiaTheme="majorEastAsia" w:hAnsiTheme="majorEastAsia"/>
                          <w:b/>
                          <w:sz w:val="24"/>
                          <w:szCs w:val="24"/>
                        </w:rPr>
                        <w:t>消費者センター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716608" behindDoc="0" locked="0" layoutInCell="1" allowOverlap="1" wp14:anchorId="0E39333E" wp14:editId="436F7E1B">
                <wp:simplePos x="0" y="0"/>
                <wp:positionH relativeFrom="column">
                  <wp:posOffset>-822960</wp:posOffset>
                </wp:positionH>
                <wp:positionV relativeFrom="paragraph">
                  <wp:posOffset>2006600</wp:posOffset>
                </wp:positionV>
                <wp:extent cx="7029450" cy="1514475"/>
                <wp:effectExtent l="0" t="0" r="19050" b="28575"/>
                <wp:wrapNone/>
                <wp:docPr id="4" name="角丸四角形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029450" cy="1514475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0C907F9B" id="角丸四角形 4" o:spid="_x0000_s1026" style="position:absolute;left:0;text-align:left;margin-left:-64.8pt;margin-top:158pt;width:553.5pt;height:119.25pt;z-index:2517166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" filled="f" strokecolor="#1f4d78 [1604]" strokeweight="1pt">
                <v:stroke joinstyle="miter"/>
              </v:round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17632" behindDoc="0" locked="0" layoutInCell="1" allowOverlap="1" wp14:anchorId="2745AE92" wp14:editId="3746EBEF">
                <wp:simplePos x="0" y="0"/>
                <wp:positionH relativeFrom="column">
                  <wp:posOffset>-158115</wp:posOffset>
                </wp:positionH>
                <wp:positionV relativeFrom="paragraph">
                  <wp:posOffset>4321175</wp:posOffset>
                </wp:positionV>
                <wp:extent cx="5457825" cy="1590675"/>
                <wp:effectExtent l="0" t="0" r="28575" b="28575"/>
                <wp:wrapNone/>
                <wp:docPr id="6" name="フローチャート: 代替処理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457825" cy="1590675"/>
                        </a:xfrm>
                        <a:prstGeom prst="flowChartAlternateProcess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3B2C87" w:rsidRDefault="003B2C87" w:rsidP="003B2C87">
                            <w:pPr>
                              <w:jc w:val="left"/>
                            </w:pPr>
                            <w:r>
                              <w:rPr>
                                <w:rFonts w:hint="eastAsia"/>
                              </w:rPr>
                              <w:t>＜アドバイス＞</w:t>
                            </w:r>
                          </w:p>
                          <w:p w:rsidR="003B2C87" w:rsidRDefault="003B2C87" w:rsidP="003B2C87">
                            <w:pPr>
                              <w:jc w:val="left"/>
                            </w:pPr>
                            <w:r>
                              <w:rPr>
                                <w:rFonts w:hint="eastAsia"/>
                              </w:rPr>
                              <w:t>上記のような</w:t>
                            </w:r>
                            <w:r>
                              <w:t>契約期間が１か月以上で、契約金額が５万円を超えるエステの契約は、</w:t>
                            </w:r>
                            <w:r>
                              <w:rPr>
                                <w:rFonts w:hint="eastAsia"/>
                              </w:rPr>
                              <w:t>契約書面を</w:t>
                            </w:r>
                            <w:r>
                              <w:t>受け取ってから</w:t>
                            </w:r>
                            <w:r>
                              <w:t>8</w:t>
                            </w:r>
                            <w:r>
                              <w:t>日間は</w:t>
                            </w:r>
                            <w:r>
                              <w:rPr>
                                <w:rFonts w:hint="eastAsia"/>
                              </w:rPr>
                              <w:t>クーリング・オフが</w:t>
                            </w:r>
                            <w:r>
                              <w:t>できます</w:t>
                            </w:r>
                            <w:r>
                              <w:rPr>
                                <w:rFonts w:hint="eastAsia"/>
                              </w:rPr>
                              <w:t>。</w:t>
                            </w:r>
                          </w:p>
                          <w:p w:rsidR="003B2C87" w:rsidRPr="00F64BBA" w:rsidRDefault="003B2C87" w:rsidP="003B2C87">
                            <w:pPr>
                              <w:jc w:val="left"/>
                            </w:pPr>
                            <w:r>
                              <w:rPr>
                                <w:rFonts w:hint="eastAsia"/>
                              </w:rPr>
                              <w:t>また、</w:t>
                            </w:r>
                            <w:r>
                              <w:t>クーリング</w:t>
                            </w:r>
                            <w:r>
                              <w:rPr>
                                <w:rFonts w:hint="eastAsia"/>
                              </w:rPr>
                              <w:t>・</w:t>
                            </w:r>
                            <w:r>
                              <w:t>オフ期間</w:t>
                            </w:r>
                            <w:r>
                              <w:rPr>
                                <w:rFonts w:hint="eastAsia"/>
                              </w:rPr>
                              <w:t>が</w:t>
                            </w:r>
                            <w:r>
                              <w:t>過ぎ</w:t>
                            </w:r>
                            <w:r>
                              <w:rPr>
                                <w:rFonts w:hint="eastAsia"/>
                              </w:rPr>
                              <w:t>た</w:t>
                            </w:r>
                            <w:r>
                              <w:t>場合でも、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2745AE92" id="フローチャート: 代替処理 6" o:spid="_x0000_s1072" type="#_x0000_t176" style="position:absolute;left:0;text-align:left;margin-left:-12.45pt;margin-top:340.25pt;width:429.75pt;height:125.25pt;z-index:2517176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" fillcolor="#5b9bd5 [3204]" strokecolor="#1f4d78 [1604]" strokeweight="1pt">
                <v:textbox>
                  <w:txbxContent>
                    <w:p w:rsidR="003B2C87" w:rsidRDefault="003B2C87" w:rsidP="003B2C87">
                      <w:pPr>
                        <w:jc w:val="left"/>
                      </w:pPr>
                      <w:r>
                        <w:rPr>
                          <w:rFonts w:hint="eastAsia"/>
                        </w:rPr>
                        <w:t>＜アドバイス＞</w:t>
                      </w:r>
                    </w:p>
                    <w:p w:rsidR="003B2C87" w:rsidRDefault="003B2C87" w:rsidP="003B2C87">
                      <w:pPr>
                        <w:jc w:val="left"/>
                      </w:pPr>
                      <w:r>
                        <w:rPr>
                          <w:rFonts w:hint="eastAsia"/>
                        </w:rPr>
                        <w:t>上記のような</w:t>
                      </w:r>
                      <w:r>
                        <w:t>契約期間が１か月以上で、契約金額が５万円を超えるエステの契約は、</w:t>
                      </w:r>
                      <w:r>
                        <w:rPr>
                          <w:rFonts w:hint="eastAsia"/>
                        </w:rPr>
                        <w:t>契約書面を</w:t>
                      </w:r>
                      <w:r>
                        <w:t>受け取ってから</w:t>
                      </w:r>
                      <w:r>
                        <w:t>8</w:t>
                      </w:r>
                      <w:r>
                        <w:t>日間は</w:t>
                      </w:r>
                      <w:r>
                        <w:rPr>
                          <w:rFonts w:hint="eastAsia"/>
                        </w:rPr>
                        <w:t>クーリング・オフが</w:t>
                      </w:r>
                      <w:r>
                        <w:t>できます</w:t>
                      </w:r>
                      <w:r>
                        <w:rPr>
                          <w:rFonts w:hint="eastAsia"/>
                        </w:rPr>
                        <w:t>。</w:t>
                      </w:r>
                    </w:p>
                    <w:p w:rsidR="003B2C87" w:rsidRPr="00F64BBA" w:rsidRDefault="003B2C87" w:rsidP="003B2C87">
                      <w:pPr>
                        <w:jc w:val="left"/>
                      </w:pPr>
                      <w:r>
                        <w:rPr>
                          <w:rFonts w:hint="eastAsia"/>
                        </w:rPr>
                        <w:t>また、</w:t>
                      </w:r>
                      <w:r>
                        <w:t>クーリング</w:t>
                      </w:r>
                      <w:r>
                        <w:rPr>
                          <w:rFonts w:hint="eastAsia"/>
                        </w:rPr>
                        <w:t>・</w:t>
                      </w:r>
                      <w:r>
                        <w:t>オフ期間</w:t>
                      </w:r>
                      <w:r>
                        <w:rPr>
                          <w:rFonts w:hint="eastAsia"/>
                        </w:rPr>
                        <w:t>が</w:t>
                      </w:r>
                      <w:r>
                        <w:t>過ぎ</w:t>
                      </w:r>
                      <w:r>
                        <w:rPr>
                          <w:rFonts w:hint="eastAsia"/>
                        </w:rPr>
                        <w:t>た</w:t>
                      </w:r>
                      <w:r>
                        <w:t>場合でも、</w:t>
                      </w:r>
                    </w:p>
                  </w:txbxContent>
                </v:textbox>
              </v:shape>
            </w:pict>
          </mc:Fallback>
        </mc:AlternateContent>
      </w:r>
    </w:p>
    <w:p w:rsidR="00914349" w:rsidRDefault="00914349"/>
    <w:sectPr w:rsidR="00914349" w:rsidSect="00885E77">
      <w:headerReference w:type="even" r:id="rId34"/>
      <w:headerReference w:type="default" r:id="rId35"/>
      <w:footerReference w:type="even" r:id="rId36"/>
      <w:footerReference w:type="default" r:id="rId37"/>
      <w:headerReference w:type="first" r:id="rId38"/>
      <w:footerReference w:type="first" r:id="rId39"/>
      <w:pgSz w:w="11906" w:h="16838"/>
      <w:pgMar w:top="1985" w:right="1701" w:bottom="1701" w:left="1701" w:header="851" w:footer="992" w:gutter="0"/>
      <w:pgBorders w:offsetFrom="page">
        <w:top w:val="threeDEmboss" w:sz="48" w:space="0" w:color="339933"/>
        <w:left w:val="threeDEmboss" w:sz="48" w:space="0" w:color="339933"/>
        <w:bottom w:val="threeDEmboss" w:sz="48" w:space="0" w:color="339933"/>
        <w:right w:val="threeDEmboss" w:sz="48" w:space="0" w:color="339933"/>
      </w:pgBorders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417FE" w:rsidRDefault="00F417FE" w:rsidP="002A393C">
      <w:r>
        <w:separator/>
      </w:r>
    </w:p>
  </w:endnote>
  <w:endnote w:type="continuationSeparator" w:id="0">
    <w:p w:rsidR="00F417FE" w:rsidRDefault="00F417FE" w:rsidP="002A393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P創英角ｺﾞｼｯｸUB">
    <w:panose1 w:val="020B09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C3389" w:rsidRDefault="009C3389">
    <w:pPr>
      <w:pStyle w:val="a5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C3389" w:rsidRDefault="009C3389">
    <w:pPr>
      <w:pStyle w:val="a5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C3389" w:rsidRDefault="009C3389">
    <w:pPr>
      <w:pStyle w:val="a5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417FE" w:rsidRDefault="00F417FE" w:rsidP="002A393C">
      <w:r>
        <w:separator/>
      </w:r>
    </w:p>
  </w:footnote>
  <w:footnote w:type="continuationSeparator" w:id="0">
    <w:p w:rsidR="00F417FE" w:rsidRDefault="00F417FE" w:rsidP="002A393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C3389" w:rsidRDefault="009C3389">
    <w:pPr>
      <w:pStyle w:val="a3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C3389" w:rsidRDefault="009C3389">
    <w:pPr>
      <w:pStyle w:val="a3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9C3389" w:rsidRDefault="009C3389">
    <w:pPr>
      <w:pStyle w:val="a3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displayBackgroundShape/>
  <w:bordersDoNotSurroundHeader/>
  <w:bordersDoNotSurroundFooter/>
  <w:proofState w:spelling="clean" w:grammar="dirty"/>
  <w:defaultTabStop w:val="840"/>
  <w:displayHorizontalDrawingGridEvery w:val="0"/>
  <w:displayVerticalDrawingGridEvery w:val="2"/>
  <w:characterSpacingControl w:val="compressPunctuation"/>
  <w:hdrShapeDefaults>
    <o:shapedefaults v:ext="edit" spidmax="12289">
      <v:textbox inset="5.85pt,.7pt,5.85pt,.7pt"/>
      <o:colormru v:ext="edit" colors="#cf9,#e0ffc1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34745"/>
    <w:rsid w:val="0004498A"/>
    <w:rsid w:val="00044C86"/>
    <w:rsid w:val="00062C71"/>
    <w:rsid w:val="000850A3"/>
    <w:rsid w:val="000B486A"/>
    <w:rsid w:val="001917E6"/>
    <w:rsid w:val="001A4908"/>
    <w:rsid w:val="001C5230"/>
    <w:rsid w:val="002A393C"/>
    <w:rsid w:val="002C43BA"/>
    <w:rsid w:val="002F0B63"/>
    <w:rsid w:val="00321716"/>
    <w:rsid w:val="0033227B"/>
    <w:rsid w:val="00355D4D"/>
    <w:rsid w:val="003B2C87"/>
    <w:rsid w:val="004E79C3"/>
    <w:rsid w:val="00515672"/>
    <w:rsid w:val="00534D87"/>
    <w:rsid w:val="005518DC"/>
    <w:rsid w:val="00553E74"/>
    <w:rsid w:val="00582195"/>
    <w:rsid w:val="005C5FFF"/>
    <w:rsid w:val="006B1AAD"/>
    <w:rsid w:val="006F2EC2"/>
    <w:rsid w:val="00706E9A"/>
    <w:rsid w:val="0073579C"/>
    <w:rsid w:val="00747535"/>
    <w:rsid w:val="007754C0"/>
    <w:rsid w:val="007A6734"/>
    <w:rsid w:val="007B6BDC"/>
    <w:rsid w:val="007F41EB"/>
    <w:rsid w:val="0084252D"/>
    <w:rsid w:val="008635C9"/>
    <w:rsid w:val="00885E77"/>
    <w:rsid w:val="008A0ACC"/>
    <w:rsid w:val="008D0DFC"/>
    <w:rsid w:val="00914349"/>
    <w:rsid w:val="0094165E"/>
    <w:rsid w:val="0094756E"/>
    <w:rsid w:val="009600FF"/>
    <w:rsid w:val="009854E8"/>
    <w:rsid w:val="00997ADE"/>
    <w:rsid w:val="009A611B"/>
    <w:rsid w:val="009C3389"/>
    <w:rsid w:val="00A1367F"/>
    <w:rsid w:val="00A14E7F"/>
    <w:rsid w:val="00A4393D"/>
    <w:rsid w:val="00A543AF"/>
    <w:rsid w:val="00B811B9"/>
    <w:rsid w:val="00BA54F4"/>
    <w:rsid w:val="00BB0494"/>
    <w:rsid w:val="00BC0048"/>
    <w:rsid w:val="00C64FBB"/>
    <w:rsid w:val="00C961A5"/>
    <w:rsid w:val="00CA532B"/>
    <w:rsid w:val="00CB1FEF"/>
    <w:rsid w:val="00CD2C04"/>
    <w:rsid w:val="00CF0D92"/>
    <w:rsid w:val="00D073F1"/>
    <w:rsid w:val="00D40E57"/>
    <w:rsid w:val="00D44A6D"/>
    <w:rsid w:val="00DA6645"/>
    <w:rsid w:val="00DC0157"/>
    <w:rsid w:val="00DC04F7"/>
    <w:rsid w:val="00E34745"/>
    <w:rsid w:val="00E5403A"/>
    <w:rsid w:val="00E616BE"/>
    <w:rsid w:val="00E915A7"/>
    <w:rsid w:val="00E94604"/>
    <w:rsid w:val="00EB1C3A"/>
    <w:rsid w:val="00ED1C15"/>
    <w:rsid w:val="00ED36AB"/>
    <w:rsid w:val="00EF41EE"/>
    <w:rsid w:val="00F25937"/>
    <w:rsid w:val="00F33DF3"/>
    <w:rsid w:val="00F360F1"/>
    <w:rsid w:val="00F417FE"/>
    <w:rsid w:val="00F502BD"/>
    <w:rsid w:val="00F64BBA"/>
    <w:rsid w:val="00F72732"/>
    <w:rsid w:val="00F92D1E"/>
    <w:rsid w:val="00FB32AC"/>
    <w:rsid w:val="00FE517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2289">
      <v:textbox inset="5.85pt,.7pt,5.85pt,.7pt"/>
      <o:colormru v:ext="edit" colors="#cf9,#e0ffc1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2A393C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2A393C"/>
  </w:style>
  <w:style w:type="paragraph" w:styleId="a5">
    <w:name w:val="footer"/>
    <w:basedOn w:val="a"/>
    <w:link w:val="a6"/>
    <w:uiPriority w:val="99"/>
    <w:unhideWhenUsed/>
    <w:rsid w:val="002A393C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2A393C"/>
  </w:style>
  <w:style w:type="paragraph" w:styleId="a7">
    <w:name w:val="Balloon Text"/>
    <w:basedOn w:val="a"/>
    <w:link w:val="a8"/>
    <w:uiPriority w:val="99"/>
    <w:semiHidden/>
    <w:unhideWhenUsed/>
    <w:rsid w:val="00CA532B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吹き出し (文字)"/>
    <w:basedOn w:val="a0"/>
    <w:link w:val="a7"/>
    <w:uiPriority w:val="99"/>
    <w:semiHidden/>
    <w:rsid w:val="00CA532B"/>
    <w:rPr>
      <w:rFonts w:asciiTheme="majorHAnsi" w:eastAsiaTheme="majorEastAsia" w:hAnsiTheme="majorHAnsi" w:cstheme="majorBidi"/>
      <w:sz w:val="18"/>
      <w:szCs w:val="18"/>
    </w:rPr>
  </w:style>
  <w:style w:type="character" w:styleId="a9">
    <w:name w:val="Hyperlink"/>
    <w:basedOn w:val="a0"/>
    <w:uiPriority w:val="99"/>
    <w:unhideWhenUsed/>
    <w:rsid w:val="003B2C87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40.png"/><Relationship Id="rId18" Type="http://schemas.openxmlformats.org/officeDocument/2006/relationships/image" Target="media/image7.png"/><Relationship Id="rId26" Type="http://schemas.openxmlformats.org/officeDocument/2006/relationships/image" Target="media/image10.png"/><Relationship Id="rId39" Type="http://schemas.openxmlformats.org/officeDocument/2006/relationships/footer" Target="footer3.xml"/><Relationship Id="rId21" Type="http://schemas.openxmlformats.org/officeDocument/2006/relationships/image" Target="media/image80.png"/><Relationship Id="rId34" Type="http://schemas.openxmlformats.org/officeDocument/2006/relationships/header" Target="header1.xml"/><Relationship Id="rId7" Type="http://schemas.openxmlformats.org/officeDocument/2006/relationships/image" Target="media/image1.emf"/><Relationship Id="rId2" Type="http://schemas.openxmlformats.org/officeDocument/2006/relationships/styles" Target="styles.xml"/><Relationship Id="rId16" Type="http://schemas.openxmlformats.org/officeDocument/2006/relationships/image" Target="media/image6.png"/><Relationship Id="rId20" Type="http://schemas.openxmlformats.org/officeDocument/2006/relationships/image" Target="media/image8.png"/><Relationship Id="rId29" Type="http://schemas.openxmlformats.org/officeDocument/2006/relationships/image" Target="media/image110.png"/><Relationship Id="rId41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30.png"/><Relationship Id="rId24" Type="http://schemas.openxmlformats.org/officeDocument/2006/relationships/hyperlink" Target="https://www.city.osaka.lg.jp/lnet/page/0000397554.html" TargetMode="External"/><Relationship Id="rId32" Type="http://schemas.openxmlformats.org/officeDocument/2006/relationships/hyperlink" Target="http://www.pref.osaka.lg.jp/shouhi/" TargetMode="External"/><Relationship Id="rId37" Type="http://schemas.openxmlformats.org/officeDocument/2006/relationships/footer" Target="footer2.xml"/><Relationship Id="rId40" Type="http://schemas.openxmlformats.org/officeDocument/2006/relationships/fontTable" Target="fontTable.xml"/><Relationship Id="rId5" Type="http://schemas.openxmlformats.org/officeDocument/2006/relationships/footnotes" Target="footnotes.xml"/><Relationship Id="rId15" Type="http://schemas.openxmlformats.org/officeDocument/2006/relationships/image" Target="media/image50.png"/><Relationship Id="rId23" Type="http://schemas.openxmlformats.org/officeDocument/2006/relationships/image" Target="media/image90.png"/><Relationship Id="rId28" Type="http://schemas.openxmlformats.org/officeDocument/2006/relationships/image" Target="media/image100.png"/><Relationship Id="rId36" Type="http://schemas.openxmlformats.org/officeDocument/2006/relationships/footer" Target="footer1.xml"/><Relationship Id="rId10" Type="http://schemas.openxmlformats.org/officeDocument/2006/relationships/image" Target="media/image3.png"/><Relationship Id="rId19" Type="http://schemas.openxmlformats.org/officeDocument/2006/relationships/image" Target="media/image70.png"/><Relationship Id="rId31" Type="http://schemas.openxmlformats.org/officeDocument/2006/relationships/hyperlink" Target="https://www.city.osaka.lg.jp/lnet/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jpeg"/><Relationship Id="rId14" Type="http://schemas.openxmlformats.org/officeDocument/2006/relationships/image" Target="media/image5.png"/><Relationship Id="rId22" Type="http://schemas.openxmlformats.org/officeDocument/2006/relationships/image" Target="media/image9.png"/><Relationship Id="rId27" Type="http://schemas.openxmlformats.org/officeDocument/2006/relationships/image" Target="media/image11.png"/><Relationship Id="rId30" Type="http://schemas.openxmlformats.org/officeDocument/2006/relationships/hyperlink" Target="https://www.city.osaka.lg.jp/lnet/" TargetMode="External"/><Relationship Id="rId35" Type="http://schemas.openxmlformats.org/officeDocument/2006/relationships/header" Target="header2.xml"/><Relationship Id="rId8" Type="http://schemas.openxmlformats.org/officeDocument/2006/relationships/image" Target="media/image10.emf"/><Relationship Id="rId3" Type="http://schemas.openxmlformats.org/officeDocument/2006/relationships/settings" Target="settings.xml"/><Relationship Id="rId12" Type="http://schemas.openxmlformats.org/officeDocument/2006/relationships/image" Target="media/image4.png"/><Relationship Id="rId17" Type="http://schemas.openxmlformats.org/officeDocument/2006/relationships/image" Target="media/image60.png"/><Relationship Id="rId25" Type="http://schemas.openxmlformats.org/officeDocument/2006/relationships/hyperlink" Target="https://www.city.osaka.lg.jp/lnet/page/0000397554.html" TargetMode="External"/><Relationship Id="rId33" Type="http://schemas.openxmlformats.org/officeDocument/2006/relationships/hyperlink" Target="http://www.pref.osaka.lg.jp/shouhi/" TargetMode="External"/><Relationship Id="rId38" Type="http://schemas.openxmlformats.org/officeDocument/2006/relationships/header" Target="header3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</a:spPr>
      <a:bodyPr rtlCol="0" anchor="ctr"/>
      <a:lstStyle/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F93A5F6-11A8-4E62-B127-6A4497BDFD8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0</Words>
  <Characters>0</Characters>
  <Application>Microsoft Office Word</Application>
  <DocSecurity>0</DocSecurity>
  <Lines>62</Lines>
  <Paragraphs>0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19-05-15T10:28:00Z</dcterms:created>
  <dcterms:modified xsi:type="dcterms:W3CDTF">2019-05-15T10:29:00Z</dcterms:modified>
</cp:coreProperties>
</file>